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13_厚木市\"/>
    </mc:Choice>
  </mc:AlternateContent>
  <workbookProtection workbookAlgorithmName="SHA-512" workbookHashValue="F60wDyt1bsjV0FxZ8PJvxuDZrGfv5TR9kW6Qo6UqcwmfTiFZPYYSq0AawuV1u1z5VNeSK2cKVDyKvaZF7Vy3PA==" workbookSaltValue="3eDiAaQbdJr6gYy9/dfzfg==" workbookSpinCount="100000" lockStructure="1"/>
  <bookViews>
    <workbookView xWindow="0" yWindow="0" windowWidth="15360" windowHeight="7632"/>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S6" i="5"/>
  <c r="R6" i="5"/>
  <c r="Q6" i="5"/>
  <c r="W10" i="4" s="1"/>
  <c r="P6" i="5"/>
  <c r="O6" i="5"/>
  <c r="N6" i="5"/>
  <c r="M6" i="5"/>
  <c r="AD8" i="4" s="1"/>
  <c r="L6" i="5"/>
  <c r="W8" i="4" s="1"/>
  <c r="K6" i="5"/>
  <c r="J6" i="5"/>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AD10" i="4"/>
  <c r="P10" i="4"/>
  <c r="I10" i="4"/>
  <c r="B10" i="4"/>
  <c r="AT8" i="4"/>
  <c r="AL8" i="4"/>
  <c r="P8" i="4"/>
  <c r="I8" i="4"/>
</calcChain>
</file>

<file path=xl/sharedStrings.xml><?xml version="1.0" encoding="utf-8"?>
<sst xmlns="http://schemas.openxmlformats.org/spreadsheetml/2006/main" count="241" uniqueCount="121">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厚木市</t>
  </si>
  <si>
    <t>法非適用</t>
  </si>
  <si>
    <t>下水道事業</t>
  </si>
  <si>
    <t>公共下水道</t>
  </si>
  <si>
    <t>Ac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H"yy</t>
    <phoneticPr fontId="4"/>
  </si>
  <si>
    <t>"R"dd</t>
    <phoneticPr fontId="4"/>
  </si>
  <si>
    <t>←書式設定</t>
    <rPh sb="1" eb="3">
      <t>ショシキ</t>
    </rPh>
    <rPh sb="3" eb="5">
      <t>セッテイ</t>
    </rPh>
    <phoneticPr fontId="4"/>
  </si>
  <si>
    <t>　令和２年４月１日に法適用事業へ移行したことに伴い、令和元年度は令和２年３月31日をもって出納を閉鎖し、打切決算としました。そのため、平成30年度以前に比べ、指標の算出に用いる決算額は、収入支出ともに減額となっています。
①収益的収支比率
　100％を下回っていますが、資本費平準化債を活用することで、財源を確保しています。
④企業債残高対事業規模比率
　汚水管整備を進めていた時期の企業債が償還の終期を迎えており、企業債残高は年々減少しています。令和元年度の比率は、打切決算により分母となる収入額が縮小し、平成30年度と同程度となりました。
⑤経費回収率、⑥汚水処理原価
　打切決算により維持管理費が減少するとともに、資本費平準化債を汚水資本費の財源としたため、汚水処理原価が低減しました。その結果、経費回収率は100％を超えています。
⑧水洗化率
　汚水管の整備はほぼ完了しており、水洗化率は99％台で推移しています。</t>
    <rPh sb="1" eb="3">
      <t>レイワ</t>
    </rPh>
    <rPh sb="4" eb="5">
      <t>ネン</t>
    </rPh>
    <rPh sb="6" eb="7">
      <t>ガツ</t>
    </rPh>
    <rPh sb="8" eb="9">
      <t>ニチ</t>
    </rPh>
    <rPh sb="10" eb="11">
      <t>ホウ</t>
    </rPh>
    <rPh sb="11" eb="13">
      <t>テキヨウ</t>
    </rPh>
    <rPh sb="13" eb="15">
      <t>ジギョウ</t>
    </rPh>
    <rPh sb="16" eb="18">
      <t>イコウ</t>
    </rPh>
    <rPh sb="23" eb="24">
      <t>トモナ</t>
    </rPh>
    <rPh sb="26" eb="28">
      <t>レイワ</t>
    </rPh>
    <rPh sb="28" eb="30">
      <t>ガンネン</t>
    </rPh>
    <rPh sb="30" eb="31">
      <t>ド</t>
    </rPh>
    <rPh sb="32" eb="34">
      <t>レイワ</t>
    </rPh>
    <rPh sb="35" eb="36">
      <t>ネン</t>
    </rPh>
    <rPh sb="52" eb="56">
      <t>ウチキリケッサン</t>
    </rPh>
    <rPh sb="67" eb="69">
      <t>ヘイセイ</t>
    </rPh>
    <rPh sb="71" eb="73">
      <t>ネンド</t>
    </rPh>
    <rPh sb="73" eb="75">
      <t>イゼン</t>
    </rPh>
    <rPh sb="76" eb="77">
      <t>クラ</t>
    </rPh>
    <rPh sb="79" eb="81">
      <t>シヒョウ</t>
    </rPh>
    <rPh sb="82" eb="84">
      <t>サンシュツ</t>
    </rPh>
    <rPh sb="85" eb="86">
      <t>モチ</t>
    </rPh>
    <rPh sb="88" eb="90">
      <t>ケッサン</t>
    </rPh>
    <rPh sb="90" eb="91">
      <t>ガク</t>
    </rPh>
    <rPh sb="93" eb="95">
      <t>シュウニュウ</t>
    </rPh>
    <rPh sb="95" eb="97">
      <t>シシュツ</t>
    </rPh>
    <rPh sb="100" eb="102">
      <t>ゲンガク</t>
    </rPh>
    <rPh sb="113" eb="116">
      <t>シュウエキテキ</t>
    </rPh>
    <rPh sb="116" eb="118">
      <t>シュウシ</t>
    </rPh>
    <rPh sb="118" eb="120">
      <t>ヒリツ</t>
    </rPh>
    <rPh sb="127" eb="129">
      <t>シタマワ</t>
    </rPh>
    <rPh sb="136" eb="138">
      <t>シホン</t>
    </rPh>
    <rPh sb="138" eb="139">
      <t>ヒ</t>
    </rPh>
    <rPh sb="139" eb="142">
      <t>ヘイジュンカ</t>
    </rPh>
    <rPh sb="142" eb="143">
      <t>サイ</t>
    </rPh>
    <rPh sb="144" eb="146">
      <t>カツヨウ</t>
    </rPh>
    <rPh sb="152" eb="154">
      <t>ザイゲン</t>
    </rPh>
    <rPh sb="155" eb="157">
      <t>カクホ</t>
    </rPh>
    <rPh sb="166" eb="168">
      <t>キギョウ</t>
    </rPh>
    <rPh sb="168" eb="169">
      <t>サイ</t>
    </rPh>
    <rPh sb="169" eb="171">
      <t>ザンダカ</t>
    </rPh>
    <rPh sb="171" eb="172">
      <t>タイ</t>
    </rPh>
    <rPh sb="172" eb="174">
      <t>ジギョウ</t>
    </rPh>
    <rPh sb="174" eb="176">
      <t>キボ</t>
    </rPh>
    <rPh sb="176" eb="178">
      <t>ヒリツ</t>
    </rPh>
    <rPh sb="180" eb="182">
      <t>オスイ</t>
    </rPh>
    <rPh sb="182" eb="183">
      <t>カン</t>
    </rPh>
    <rPh sb="183" eb="185">
      <t>セイビ</t>
    </rPh>
    <rPh sb="186" eb="187">
      <t>スス</t>
    </rPh>
    <rPh sb="191" eb="193">
      <t>ジキ</t>
    </rPh>
    <rPh sb="194" eb="196">
      <t>キギョウ</t>
    </rPh>
    <rPh sb="196" eb="197">
      <t>サイ</t>
    </rPh>
    <rPh sb="198" eb="200">
      <t>ショウカン</t>
    </rPh>
    <rPh sb="201" eb="203">
      <t>シュウキ</t>
    </rPh>
    <rPh sb="204" eb="205">
      <t>ムカ</t>
    </rPh>
    <rPh sb="216" eb="218">
      <t>ネンネン</t>
    </rPh>
    <rPh sb="226" eb="228">
      <t>レイワ</t>
    </rPh>
    <rPh sb="228" eb="230">
      <t>ガンネン</t>
    </rPh>
    <rPh sb="230" eb="231">
      <t>ド</t>
    </rPh>
    <rPh sb="232" eb="234">
      <t>ヒリツ</t>
    </rPh>
    <rPh sb="236" eb="240">
      <t>ウチキリケッサン</t>
    </rPh>
    <rPh sb="243" eb="245">
      <t>ブンボ</t>
    </rPh>
    <rPh sb="248" eb="250">
      <t>シュウニュウ</t>
    </rPh>
    <rPh sb="250" eb="251">
      <t>ガク</t>
    </rPh>
    <rPh sb="252" eb="254">
      <t>シュクショウ</t>
    </rPh>
    <rPh sb="263" eb="266">
      <t>ドウテイド</t>
    </rPh>
    <rPh sb="276" eb="278">
      <t>ケイヒ</t>
    </rPh>
    <rPh sb="278" eb="280">
      <t>カイシュウ</t>
    </rPh>
    <rPh sb="280" eb="281">
      <t>リツ</t>
    </rPh>
    <rPh sb="283" eb="285">
      <t>オスイ</t>
    </rPh>
    <rPh sb="285" eb="287">
      <t>ショリ</t>
    </rPh>
    <rPh sb="287" eb="289">
      <t>ゲンカ</t>
    </rPh>
    <rPh sb="313" eb="315">
      <t>シホン</t>
    </rPh>
    <rPh sb="315" eb="316">
      <t>ヒ</t>
    </rPh>
    <rPh sb="316" eb="319">
      <t>ヘイジュンカ</t>
    </rPh>
    <rPh sb="319" eb="320">
      <t>サイ</t>
    </rPh>
    <rPh sb="335" eb="337">
      <t>オスイ</t>
    </rPh>
    <rPh sb="337" eb="339">
      <t>ショリ</t>
    </rPh>
    <rPh sb="339" eb="341">
      <t>ゲンカ</t>
    </rPh>
    <rPh sb="342" eb="344">
      <t>テイゲン</t>
    </rPh>
    <rPh sb="351" eb="353">
      <t>ケッカ</t>
    </rPh>
    <rPh sb="354" eb="356">
      <t>ケイヒ</t>
    </rPh>
    <rPh sb="356" eb="358">
      <t>カイシュウ</t>
    </rPh>
    <rPh sb="358" eb="359">
      <t>リツ</t>
    </rPh>
    <rPh sb="365" eb="366">
      <t>コ</t>
    </rPh>
    <rPh sb="375" eb="378">
      <t>スイセンカ</t>
    </rPh>
    <rPh sb="378" eb="379">
      <t>リツ</t>
    </rPh>
    <rPh sb="381" eb="383">
      <t>オスイ</t>
    </rPh>
    <rPh sb="383" eb="384">
      <t>カン</t>
    </rPh>
    <rPh sb="385" eb="387">
      <t>セイビ</t>
    </rPh>
    <rPh sb="390" eb="392">
      <t>カンリョウ</t>
    </rPh>
    <rPh sb="397" eb="400">
      <t>スイセンカ</t>
    </rPh>
    <rPh sb="400" eb="401">
      <t>リツ</t>
    </rPh>
    <rPh sb="405" eb="406">
      <t>ダイ</t>
    </rPh>
    <rPh sb="407" eb="409">
      <t>スイイ</t>
    </rPh>
    <phoneticPr fontId="4"/>
  </si>
  <si>
    <t>　昭和40年代に整備された中心市街地の管渠が耐用年数を迎えつつあり、整備時期が早い地域では老朽化が進んでいる状況です。
　管渠の老朽化対策として、平成23年度から長寿命化計画に基づく現況調査を実施し、必要な修繕や改築に取り組んでいます。また、令和２年度には、長期的な視点から施設管理の最適化を図る「ストックマネジメント計画」を策定する予定です。
　③管渠改善率が類似団体よりも低い値となっていますが、現況調査の結果、修繕や改築を要する管渠が少なかったことによるものです。
　引き続き、予防保全型の維持管理を行う等、計画的・効率的な老朽化対策を進めます。</t>
    <rPh sb="1" eb="3">
      <t>ショウワ</t>
    </rPh>
    <rPh sb="5" eb="7">
      <t>ネンダイ</t>
    </rPh>
    <rPh sb="8" eb="10">
      <t>セイビ</t>
    </rPh>
    <rPh sb="13" eb="15">
      <t>チュウシン</t>
    </rPh>
    <rPh sb="15" eb="18">
      <t>シガイチ</t>
    </rPh>
    <rPh sb="19" eb="21">
      <t>カンキョ</t>
    </rPh>
    <rPh sb="22" eb="24">
      <t>タイヨウ</t>
    </rPh>
    <rPh sb="24" eb="26">
      <t>ネンスウ</t>
    </rPh>
    <rPh sb="27" eb="28">
      <t>ムカ</t>
    </rPh>
    <rPh sb="34" eb="36">
      <t>セイビ</t>
    </rPh>
    <rPh sb="36" eb="38">
      <t>ジキ</t>
    </rPh>
    <rPh sb="39" eb="40">
      <t>ハヤ</t>
    </rPh>
    <rPh sb="41" eb="43">
      <t>チイキ</t>
    </rPh>
    <rPh sb="45" eb="48">
      <t>ロウキュウカ</t>
    </rPh>
    <rPh sb="49" eb="50">
      <t>スス</t>
    </rPh>
    <rPh sb="54" eb="56">
      <t>ジョウキョウ</t>
    </rPh>
    <rPh sb="61" eb="63">
      <t>カンキョ</t>
    </rPh>
    <rPh sb="64" eb="67">
      <t>ロウキュウカ</t>
    </rPh>
    <rPh sb="67" eb="69">
      <t>タイサク</t>
    </rPh>
    <rPh sb="73" eb="75">
      <t>ヘイセイ</t>
    </rPh>
    <rPh sb="77" eb="79">
      <t>ネンド</t>
    </rPh>
    <rPh sb="81" eb="85">
      <t>チョウジュミョウカ</t>
    </rPh>
    <rPh sb="85" eb="87">
      <t>ケイカク</t>
    </rPh>
    <rPh sb="88" eb="89">
      <t>モト</t>
    </rPh>
    <rPh sb="91" eb="93">
      <t>ゲンキョウ</t>
    </rPh>
    <rPh sb="93" eb="95">
      <t>チョウサ</t>
    </rPh>
    <rPh sb="96" eb="98">
      <t>ジッシ</t>
    </rPh>
    <rPh sb="100" eb="102">
      <t>ヒツヨウ</t>
    </rPh>
    <rPh sb="103" eb="105">
      <t>シュウゼン</t>
    </rPh>
    <rPh sb="106" eb="108">
      <t>カイチク</t>
    </rPh>
    <rPh sb="109" eb="110">
      <t>ト</t>
    </rPh>
    <rPh sb="111" eb="112">
      <t>ク</t>
    </rPh>
    <rPh sb="121" eb="123">
      <t>レイワ</t>
    </rPh>
    <rPh sb="124" eb="126">
      <t>ネンド</t>
    </rPh>
    <rPh sb="129" eb="132">
      <t>チョウキテキ</t>
    </rPh>
    <rPh sb="133" eb="135">
      <t>シテン</t>
    </rPh>
    <rPh sb="137" eb="139">
      <t>シセツ</t>
    </rPh>
    <rPh sb="139" eb="141">
      <t>カンリ</t>
    </rPh>
    <rPh sb="142" eb="145">
      <t>サイテキカ</t>
    </rPh>
    <rPh sb="146" eb="147">
      <t>ハカ</t>
    </rPh>
    <rPh sb="159" eb="161">
      <t>ケイカク</t>
    </rPh>
    <rPh sb="163" eb="165">
      <t>サクテイ</t>
    </rPh>
    <rPh sb="167" eb="169">
      <t>ヨテイ</t>
    </rPh>
    <rPh sb="176" eb="178">
      <t>カンキョ</t>
    </rPh>
    <rPh sb="178" eb="180">
      <t>カイゼン</t>
    </rPh>
    <rPh sb="180" eb="181">
      <t>リツ</t>
    </rPh>
    <rPh sb="182" eb="184">
      <t>ルイジ</t>
    </rPh>
    <rPh sb="184" eb="186">
      <t>ダンタイ</t>
    </rPh>
    <rPh sb="189" eb="190">
      <t>ヒク</t>
    </rPh>
    <rPh sb="191" eb="192">
      <t>アタイ</t>
    </rPh>
    <rPh sb="201" eb="203">
      <t>ゲンキョウ</t>
    </rPh>
    <rPh sb="203" eb="205">
      <t>チョウサ</t>
    </rPh>
    <rPh sb="206" eb="208">
      <t>ケッカ</t>
    </rPh>
    <rPh sb="209" eb="211">
      <t>シュウゼン</t>
    </rPh>
    <rPh sb="212" eb="214">
      <t>カイチク</t>
    </rPh>
    <rPh sb="215" eb="216">
      <t>ヨウ</t>
    </rPh>
    <rPh sb="218" eb="220">
      <t>カンキョ</t>
    </rPh>
    <rPh sb="221" eb="222">
      <t>スク</t>
    </rPh>
    <rPh sb="238" eb="239">
      <t>ヒ</t>
    </rPh>
    <rPh sb="240" eb="241">
      <t>ツヅ</t>
    </rPh>
    <rPh sb="243" eb="245">
      <t>ヨボウ</t>
    </rPh>
    <rPh sb="245" eb="247">
      <t>ホゼン</t>
    </rPh>
    <rPh sb="247" eb="248">
      <t>ガタ</t>
    </rPh>
    <rPh sb="249" eb="251">
      <t>イジ</t>
    </rPh>
    <rPh sb="251" eb="253">
      <t>カンリ</t>
    </rPh>
    <rPh sb="254" eb="255">
      <t>オコナ</t>
    </rPh>
    <rPh sb="256" eb="257">
      <t>トウ</t>
    </rPh>
    <rPh sb="258" eb="261">
      <t>ケイカクテキ</t>
    </rPh>
    <rPh sb="262" eb="264">
      <t>コウリツ</t>
    </rPh>
    <rPh sb="264" eb="265">
      <t>テキ</t>
    </rPh>
    <rPh sb="266" eb="269">
      <t>ロウキュウカ</t>
    </rPh>
    <rPh sb="269" eb="271">
      <t>タイサク</t>
    </rPh>
    <rPh sb="272" eb="273">
      <t>スス</t>
    </rPh>
    <phoneticPr fontId="4"/>
  </si>
  <si>
    <t>　地方公営企業法の適用に向けて一般会計からの基準外繰入を削減し、自立した経営ができるよう取り組んで来た結果、現時点では比較的良好な経営状態となっています。
　今後の人口減少や施設の老朽化に対し経営の安定性を高めるため、業務の効率化及び平準化を進めるとともに、公営企業会計に基づく収支計画の作成を柱とした経営戦略の改定を進め、引き続き、持続可能な経営に努めてまいります。</t>
    <rPh sb="1" eb="3">
      <t>チホウ</t>
    </rPh>
    <rPh sb="3" eb="5">
      <t>コウエイ</t>
    </rPh>
    <rPh sb="5" eb="7">
      <t>キギョウ</t>
    </rPh>
    <rPh sb="7" eb="8">
      <t>ホウ</t>
    </rPh>
    <rPh sb="9" eb="11">
      <t>テキヨウ</t>
    </rPh>
    <rPh sb="12" eb="13">
      <t>ム</t>
    </rPh>
    <rPh sb="15" eb="17">
      <t>イッパン</t>
    </rPh>
    <rPh sb="17" eb="19">
      <t>カイケイ</t>
    </rPh>
    <rPh sb="22" eb="24">
      <t>キジュン</t>
    </rPh>
    <rPh sb="24" eb="25">
      <t>ガイ</t>
    </rPh>
    <rPh sb="25" eb="27">
      <t>クリイレ</t>
    </rPh>
    <rPh sb="28" eb="30">
      <t>サクゲン</t>
    </rPh>
    <rPh sb="32" eb="34">
      <t>ジリツ</t>
    </rPh>
    <rPh sb="36" eb="38">
      <t>ケイエイ</t>
    </rPh>
    <rPh sb="49" eb="50">
      <t>キ</t>
    </rPh>
    <rPh sb="51" eb="53">
      <t>ケッカ</t>
    </rPh>
    <rPh sb="54" eb="57">
      <t>ゲンジテン</t>
    </rPh>
    <rPh sb="59" eb="62">
      <t>ヒカクテキ</t>
    </rPh>
    <rPh sb="62" eb="64">
      <t>リョウコウ</t>
    </rPh>
    <rPh sb="65" eb="67">
      <t>ケイエイ</t>
    </rPh>
    <rPh sb="67" eb="69">
      <t>ジョウタイ</t>
    </rPh>
    <rPh sb="80" eb="82">
      <t>コンゴ</t>
    </rPh>
    <rPh sb="83" eb="85">
      <t>ジンコウ</t>
    </rPh>
    <rPh sb="85" eb="87">
      <t>ゲンショウ</t>
    </rPh>
    <rPh sb="88" eb="90">
      <t>シセツ</t>
    </rPh>
    <rPh sb="91" eb="94">
      <t>ロウキュウカ</t>
    </rPh>
    <rPh sb="95" eb="96">
      <t>タイ</t>
    </rPh>
    <rPh sb="97" eb="99">
      <t>ケイエイ</t>
    </rPh>
    <rPh sb="100" eb="103">
      <t>アンテイセイ</t>
    </rPh>
    <rPh sb="104" eb="105">
      <t>タカ</t>
    </rPh>
    <rPh sb="110" eb="112">
      <t>ギョウム</t>
    </rPh>
    <rPh sb="113" eb="116">
      <t>コウリツカ</t>
    </rPh>
    <rPh sb="116" eb="117">
      <t>オヨ</t>
    </rPh>
    <rPh sb="118" eb="121">
      <t>ヘイジュンカ</t>
    </rPh>
    <rPh sb="122" eb="123">
      <t>スス</t>
    </rPh>
    <rPh sb="130" eb="132">
      <t>コウエイ</t>
    </rPh>
    <rPh sb="132" eb="134">
      <t>キギョウ</t>
    </rPh>
    <rPh sb="134" eb="136">
      <t>カイケイ</t>
    </rPh>
    <rPh sb="137" eb="138">
      <t>モト</t>
    </rPh>
    <rPh sb="140" eb="142">
      <t>シュウシ</t>
    </rPh>
    <rPh sb="142" eb="144">
      <t>ケイカク</t>
    </rPh>
    <rPh sb="145" eb="147">
      <t>サクセイ</t>
    </rPh>
    <rPh sb="148" eb="149">
      <t>ハシラ</t>
    </rPh>
    <rPh sb="152" eb="154">
      <t>ケイエイ</t>
    </rPh>
    <rPh sb="154" eb="156">
      <t>センリャク</t>
    </rPh>
    <rPh sb="157" eb="159">
      <t>カイテイ</t>
    </rPh>
    <rPh sb="160" eb="161">
      <t>スス</t>
    </rPh>
    <rPh sb="176" eb="177">
      <t>ツト</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09</c:v>
                </c:pt>
                <c:pt idx="1">
                  <c:v>0.06</c:v>
                </c:pt>
                <c:pt idx="2">
                  <c:v>0.08</c:v>
                </c:pt>
                <c:pt idx="3">
                  <c:v>0.08</c:v>
                </c:pt>
                <c:pt idx="4">
                  <c:v>0.05</c:v>
                </c:pt>
              </c:numCache>
            </c:numRef>
          </c:val>
          <c:extLst xmlns:c16r2="http://schemas.microsoft.com/office/drawing/2015/06/chart">
            <c:ext xmlns:c16="http://schemas.microsoft.com/office/drawing/2014/chart" uri="{C3380CC4-5D6E-409C-BE32-E72D297353CC}">
              <c16:uniqueId val="{00000000-7B2E-403E-8879-7196ED46CAA1}"/>
            </c:ext>
          </c:extLst>
        </c:ser>
        <c:dLbls>
          <c:showLegendKey val="0"/>
          <c:showVal val="0"/>
          <c:showCatName val="0"/>
          <c:showSerName val="0"/>
          <c:showPercent val="0"/>
          <c:showBubbleSize val="0"/>
        </c:dLbls>
        <c:gapWidth val="150"/>
        <c:axId val="370499504"/>
        <c:axId val="370500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2</c:v>
                </c:pt>
                <c:pt idx="1">
                  <c:v>0.13</c:v>
                </c:pt>
                <c:pt idx="2">
                  <c:v>0.17</c:v>
                </c:pt>
                <c:pt idx="3">
                  <c:v>0.21</c:v>
                </c:pt>
                <c:pt idx="4">
                  <c:v>0.19</c:v>
                </c:pt>
              </c:numCache>
            </c:numRef>
          </c:val>
          <c:smooth val="0"/>
          <c:extLst xmlns:c16r2="http://schemas.microsoft.com/office/drawing/2015/06/chart">
            <c:ext xmlns:c16="http://schemas.microsoft.com/office/drawing/2014/chart" uri="{C3380CC4-5D6E-409C-BE32-E72D297353CC}">
              <c16:uniqueId val="{00000001-7B2E-403E-8879-7196ED46CAA1}"/>
            </c:ext>
          </c:extLst>
        </c:ser>
        <c:dLbls>
          <c:showLegendKey val="0"/>
          <c:showVal val="0"/>
          <c:showCatName val="0"/>
          <c:showSerName val="0"/>
          <c:showPercent val="0"/>
          <c:showBubbleSize val="0"/>
        </c:dLbls>
        <c:marker val="1"/>
        <c:smooth val="0"/>
        <c:axId val="370499504"/>
        <c:axId val="370500320"/>
      </c:lineChart>
      <c:dateAx>
        <c:axId val="370499504"/>
        <c:scaling>
          <c:orientation val="minMax"/>
        </c:scaling>
        <c:delete val="1"/>
        <c:axPos val="b"/>
        <c:numFmt formatCode="&quot;H&quot;yy" sourceLinked="1"/>
        <c:majorTickMark val="none"/>
        <c:minorTickMark val="none"/>
        <c:tickLblPos val="none"/>
        <c:crossAx val="370500320"/>
        <c:crosses val="autoZero"/>
        <c:auto val="1"/>
        <c:lblOffset val="100"/>
        <c:baseTimeUnit val="years"/>
      </c:dateAx>
      <c:valAx>
        <c:axId val="370500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4995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66B2-44B6-BA89-036E425E6009}"/>
            </c:ext>
          </c:extLst>
        </c:ser>
        <c:dLbls>
          <c:showLegendKey val="0"/>
          <c:showVal val="0"/>
          <c:showCatName val="0"/>
          <c:showSerName val="0"/>
          <c:showPercent val="0"/>
          <c:showBubbleSize val="0"/>
        </c:dLbls>
        <c:gapWidth val="150"/>
        <c:axId val="370895360"/>
        <c:axId val="370893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2.5</c:v>
                </c:pt>
                <c:pt idx="1">
                  <c:v>63.26</c:v>
                </c:pt>
                <c:pt idx="2">
                  <c:v>61.54</c:v>
                </c:pt>
                <c:pt idx="3">
                  <c:v>61.93</c:v>
                </c:pt>
                <c:pt idx="4">
                  <c:v>61.32</c:v>
                </c:pt>
              </c:numCache>
            </c:numRef>
          </c:val>
          <c:smooth val="0"/>
          <c:extLst xmlns:c16r2="http://schemas.microsoft.com/office/drawing/2015/06/chart">
            <c:ext xmlns:c16="http://schemas.microsoft.com/office/drawing/2014/chart" uri="{C3380CC4-5D6E-409C-BE32-E72D297353CC}">
              <c16:uniqueId val="{00000001-66B2-44B6-BA89-036E425E6009}"/>
            </c:ext>
          </c:extLst>
        </c:ser>
        <c:dLbls>
          <c:showLegendKey val="0"/>
          <c:showVal val="0"/>
          <c:showCatName val="0"/>
          <c:showSerName val="0"/>
          <c:showPercent val="0"/>
          <c:showBubbleSize val="0"/>
        </c:dLbls>
        <c:marker val="1"/>
        <c:smooth val="0"/>
        <c:axId val="370895360"/>
        <c:axId val="370893400"/>
      </c:lineChart>
      <c:dateAx>
        <c:axId val="370895360"/>
        <c:scaling>
          <c:orientation val="minMax"/>
        </c:scaling>
        <c:delete val="1"/>
        <c:axPos val="b"/>
        <c:numFmt formatCode="&quot;H&quot;yy" sourceLinked="1"/>
        <c:majorTickMark val="none"/>
        <c:minorTickMark val="none"/>
        <c:tickLblPos val="none"/>
        <c:crossAx val="370893400"/>
        <c:crosses val="autoZero"/>
        <c:auto val="1"/>
        <c:lblOffset val="100"/>
        <c:baseTimeUnit val="years"/>
      </c:dateAx>
      <c:valAx>
        <c:axId val="3708934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895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99.08</c:v>
                </c:pt>
                <c:pt idx="1">
                  <c:v>99.3</c:v>
                </c:pt>
                <c:pt idx="2">
                  <c:v>99.46</c:v>
                </c:pt>
                <c:pt idx="3">
                  <c:v>99.49</c:v>
                </c:pt>
                <c:pt idx="4">
                  <c:v>99.44</c:v>
                </c:pt>
              </c:numCache>
            </c:numRef>
          </c:val>
          <c:extLst xmlns:c16r2="http://schemas.microsoft.com/office/drawing/2015/06/chart">
            <c:ext xmlns:c16="http://schemas.microsoft.com/office/drawing/2014/chart" uri="{C3380CC4-5D6E-409C-BE32-E72D297353CC}">
              <c16:uniqueId val="{00000000-4F71-4B21-B017-88B206020EAC}"/>
            </c:ext>
          </c:extLst>
        </c:ser>
        <c:dLbls>
          <c:showLegendKey val="0"/>
          <c:showVal val="0"/>
          <c:showCatName val="0"/>
          <c:showSerName val="0"/>
          <c:showPercent val="0"/>
          <c:showBubbleSize val="0"/>
        </c:dLbls>
        <c:gapWidth val="150"/>
        <c:axId val="370890264"/>
        <c:axId val="370891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3.88</c:v>
                </c:pt>
                <c:pt idx="1">
                  <c:v>94.07</c:v>
                </c:pt>
                <c:pt idx="2">
                  <c:v>94.13</c:v>
                </c:pt>
                <c:pt idx="3">
                  <c:v>94.45</c:v>
                </c:pt>
                <c:pt idx="4">
                  <c:v>94.58</c:v>
                </c:pt>
              </c:numCache>
            </c:numRef>
          </c:val>
          <c:smooth val="0"/>
          <c:extLst xmlns:c16r2="http://schemas.microsoft.com/office/drawing/2015/06/chart">
            <c:ext xmlns:c16="http://schemas.microsoft.com/office/drawing/2014/chart" uri="{C3380CC4-5D6E-409C-BE32-E72D297353CC}">
              <c16:uniqueId val="{00000001-4F71-4B21-B017-88B206020EAC}"/>
            </c:ext>
          </c:extLst>
        </c:ser>
        <c:dLbls>
          <c:showLegendKey val="0"/>
          <c:showVal val="0"/>
          <c:showCatName val="0"/>
          <c:showSerName val="0"/>
          <c:showPercent val="0"/>
          <c:showBubbleSize val="0"/>
        </c:dLbls>
        <c:marker val="1"/>
        <c:smooth val="0"/>
        <c:axId val="370890264"/>
        <c:axId val="370891048"/>
      </c:lineChart>
      <c:dateAx>
        <c:axId val="370890264"/>
        <c:scaling>
          <c:orientation val="minMax"/>
        </c:scaling>
        <c:delete val="1"/>
        <c:axPos val="b"/>
        <c:numFmt formatCode="&quot;H&quot;yy" sourceLinked="1"/>
        <c:majorTickMark val="none"/>
        <c:minorTickMark val="none"/>
        <c:tickLblPos val="none"/>
        <c:crossAx val="370891048"/>
        <c:crosses val="autoZero"/>
        <c:auto val="1"/>
        <c:lblOffset val="100"/>
        <c:baseTimeUnit val="years"/>
      </c:dateAx>
      <c:valAx>
        <c:axId val="3708910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8902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79.89</c:v>
                </c:pt>
                <c:pt idx="1">
                  <c:v>82.32</c:v>
                </c:pt>
                <c:pt idx="2">
                  <c:v>80.180000000000007</c:v>
                </c:pt>
                <c:pt idx="3">
                  <c:v>88.68</c:v>
                </c:pt>
                <c:pt idx="4">
                  <c:v>88.2</c:v>
                </c:pt>
              </c:numCache>
            </c:numRef>
          </c:val>
          <c:extLst xmlns:c16r2="http://schemas.microsoft.com/office/drawing/2015/06/chart">
            <c:ext xmlns:c16="http://schemas.microsoft.com/office/drawing/2014/chart" uri="{C3380CC4-5D6E-409C-BE32-E72D297353CC}">
              <c16:uniqueId val="{00000000-57C9-49D5-9111-351CBA2DE51B}"/>
            </c:ext>
          </c:extLst>
        </c:ser>
        <c:dLbls>
          <c:showLegendKey val="0"/>
          <c:showVal val="0"/>
          <c:showCatName val="0"/>
          <c:showSerName val="0"/>
          <c:showPercent val="0"/>
          <c:showBubbleSize val="0"/>
        </c:dLbls>
        <c:gapWidth val="150"/>
        <c:axId val="370503064"/>
        <c:axId val="3704999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57C9-49D5-9111-351CBA2DE51B}"/>
            </c:ext>
          </c:extLst>
        </c:ser>
        <c:dLbls>
          <c:showLegendKey val="0"/>
          <c:showVal val="0"/>
          <c:showCatName val="0"/>
          <c:showSerName val="0"/>
          <c:showPercent val="0"/>
          <c:showBubbleSize val="0"/>
        </c:dLbls>
        <c:marker val="1"/>
        <c:smooth val="0"/>
        <c:axId val="370503064"/>
        <c:axId val="370499928"/>
      </c:lineChart>
      <c:dateAx>
        <c:axId val="370503064"/>
        <c:scaling>
          <c:orientation val="minMax"/>
        </c:scaling>
        <c:delete val="1"/>
        <c:axPos val="b"/>
        <c:numFmt formatCode="&quot;H&quot;yy" sourceLinked="1"/>
        <c:majorTickMark val="none"/>
        <c:minorTickMark val="none"/>
        <c:tickLblPos val="none"/>
        <c:crossAx val="370499928"/>
        <c:crosses val="autoZero"/>
        <c:auto val="1"/>
        <c:lblOffset val="100"/>
        <c:baseTimeUnit val="years"/>
      </c:dateAx>
      <c:valAx>
        <c:axId val="3704999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5030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D019-4560-84C5-E49255178606}"/>
            </c:ext>
          </c:extLst>
        </c:ser>
        <c:dLbls>
          <c:showLegendKey val="0"/>
          <c:showVal val="0"/>
          <c:showCatName val="0"/>
          <c:showSerName val="0"/>
          <c:showPercent val="0"/>
          <c:showBubbleSize val="0"/>
        </c:dLbls>
        <c:gapWidth val="150"/>
        <c:axId val="370503456"/>
        <c:axId val="3705022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D019-4560-84C5-E49255178606}"/>
            </c:ext>
          </c:extLst>
        </c:ser>
        <c:dLbls>
          <c:showLegendKey val="0"/>
          <c:showVal val="0"/>
          <c:showCatName val="0"/>
          <c:showSerName val="0"/>
          <c:showPercent val="0"/>
          <c:showBubbleSize val="0"/>
        </c:dLbls>
        <c:marker val="1"/>
        <c:smooth val="0"/>
        <c:axId val="370503456"/>
        <c:axId val="370502280"/>
      </c:lineChart>
      <c:dateAx>
        <c:axId val="370503456"/>
        <c:scaling>
          <c:orientation val="minMax"/>
        </c:scaling>
        <c:delete val="1"/>
        <c:axPos val="b"/>
        <c:numFmt formatCode="&quot;H&quot;yy" sourceLinked="1"/>
        <c:majorTickMark val="none"/>
        <c:minorTickMark val="none"/>
        <c:tickLblPos val="none"/>
        <c:crossAx val="370502280"/>
        <c:crosses val="autoZero"/>
        <c:auto val="1"/>
        <c:lblOffset val="100"/>
        <c:baseTimeUnit val="years"/>
      </c:dateAx>
      <c:valAx>
        <c:axId val="3705022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5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ABC8-4950-BE65-DB65B556E768}"/>
            </c:ext>
          </c:extLst>
        </c:ser>
        <c:dLbls>
          <c:showLegendKey val="0"/>
          <c:showVal val="0"/>
          <c:showCatName val="0"/>
          <c:showSerName val="0"/>
          <c:showPercent val="0"/>
          <c:showBubbleSize val="0"/>
        </c:dLbls>
        <c:gapWidth val="150"/>
        <c:axId val="370638704"/>
        <c:axId val="3706359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ABC8-4950-BE65-DB65B556E768}"/>
            </c:ext>
          </c:extLst>
        </c:ser>
        <c:dLbls>
          <c:showLegendKey val="0"/>
          <c:showVal val="0"/>
          <c:showCatName val="0"/>
          <c:showSerName val="0"/>
          <c:showPercent val="0"/>
          <c:showBubbleSize val="0"/>
        </c:dLbls>
        <c:marker val="1"/>
        <c:smooth val="0"/>
        <c:axId val="370638704"/>
        <c:axId val="370635960"/>
      </c:lineChart>
      <c:dateAx>
        <c:axId val="370638704"/>
        <c:scaling>
          <c:orientation val="minMax"/>
        </c:scaling>
        <c:delete val="1"/>
        <c:axPos val="b"/>
        <c:numFmt formatCode="&quot;H&quot;yy" sourceLinked="1"/>
        <c:majorTickMark val="none"/>
        <c:minorTickMark val="none"/>
        <c:tickLblPos val="none"/>
        <c:crossAx val="370635960"/>
        <c:crosses val="autoZero"/>
        <c:auto val="1"/>
        <c:lblOffset val="100"/>
        <c:baseTimeUnit val="years"/>
      </c:dateAx>
      <c:valAx>
        <c:axId val="3706359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638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84D2-4A64-B86B-267F4BB2E748}"/>
            </c:ext>
          </c:extLst>
        </c:ser>
        <c:dLbls>
          <c:showLegendKey val="0"/>
          <c:showVal val="0"/>
          <c:showCatName val="0"/>
          <c:showSerName val="0"/>
          <c:showPercent val="0"/>
          <c:showBubbleSize val="0"/>
        </c:dLbls>
        <c:gapWidth val="150"/>
        <c:axId val="370634392"/>
        <c:axId val="3706340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84D2-4A64-B86B-267F4BB2E748}"/>
            </c:ext>
          </c:extLst>
        </c:ser>
        <c:dLbls>
          <c:showLegendKey val="0"/>
          <c:showVal val="0"/>
          <c:showCatName val="0"/>
          <c:showSerName val="0"/>
          <c:showPercent val="0"/>
          <c:showBubbleSize val="0"/>
        </c:dLbls>
        <c:marker val="1"/>
        <c:smooth val="0"/>
        <c:axId val="370634392"/>
        <c:axId val="370634000"/>
      </c:lineChart>
      <c:dateAx>
        <c:axId val="370634392"/>
        <c:scaling>
          <c:orientation val="minMax"/>
        </c:scaling>
        <c:delete val="1"/>
        <c:axPos val="b"/>
        <c:numFmt formatCode="&quot;H&quot;yy" sourceLinked="1"/>
        <c:majorTickMark val="none"/>
        <c:minorTickMark val="none"/>
        <c:tickLblPos val="none"/>
        <c:crossAx val="370634000"/>
        <c:crosses val="autoZero"/>
        <c:auto val="1"/>
        <c:lblOffset val="100"/>
        <c:baseTimeUnit val="years"/>
      </c:dateAx>
      <c:valAx>
        <c:axId val="3706340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6343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D8E0-4F2F-8827-38498079D0DA}"/>
            </c:ext>
          </c:extLst>
        </c:ser>
        <c:dLbls>
          <c:showLegendKey val="0"/>
          <c:showVal val="0"/>
          <c:showCatName val="0"/>
          <c:showSerName val="0"/>
          <c:showPercent val="0"/>
          <c:showBubbleSize val="0"/>
        </c:dLbls>
        <c:gapWidth val="150"/>
        <c:axId val="370636744"/>
        <c:axId val="3706390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D8E0-4F2F-8827-38498079D0DA}"/>
            </c:ext>
          </c:extLst>
        </c:ser>
        <c:dLbls>
          <c:showLegendKey val="0"/>
          <c:showVal val="0"/>
          <c:showCatName val="0"/>
          <c:showSerName val="0"/>
          <c:showPercent val="0"/>
          <c:showBubbleSize val="0"/>
        </c:dLbls>
        <c:marker val="1"/>
        <c:smooth val="0"/>
        <c:axId val="370636744"/>
        <c:axId val="370639096"/>
      </c:lineChart>
      <c:dateAx>
        <c:axId val="370636744"/>
        <c:scaling>
          <c:orientation val="minMax"/>
        </c:scaling>
        <c:delete val="1"/>
        <c:axPos val="b"/>
        <c:numFmt formatCode="&quot;H&quot;yy" sourceLinked="1"/>
        <c:majorTickMark val="none"/>
        <c:minorTickMark val="none"/>
        <c:tickLblPos val="none"/>
        <c:crossAx val="370639096"/>
        <c:crosses val="autoZero"/>
        <c:auto val="1"/>
        <c:lblOffset val="100"/>
        <c:baseTimeUnit val="years"/>
      </c:dateAx>
      <c:valAx>
        <c:axId val="370639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6367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443.32</c:v>
                </c:pt>
                <c:pt idx="1">
                  <c:v>393.39</c:v>
                </c:pt>
                <c:pt idx="2">
                  <c:v>342.85</c:v>
                </c:pt>
                <c:pt idx="3">
                  <c:v>317.20999999999998</c:v>
                </c:pt>
                <c:pt idx="4">
                  <c:v>336.75</c:v>
                </c:pt>
              </c:numCache>
            </c:numRef>
          </c:val>
          <c:extLst xmlns:c16r2="http://schemas.microsoft.com/office/drawing/2015/06/chart">
            <c:ext xmlns:c16="http://schemas.microsoft.com/office/drawing/2014/chart" uri="{C3380CC4-5D6E-409C-BE32-E72D297353CC}">
              <c16:uniqueId val="{00000000-6068-4FF4-B208-7D02B0774C53}"/>
            </c:ext>
          </c:extLst>
        </c:ser>
        <c:dLbls>
          <c:showLegendKey val="0"/>
          <c:showVal val="0"/>
          <c:showCatName val="0"/>
          <c:showSerName val="0"/>
          <c:showPercent val="0"/>
          <c:showBubbleSize val="0"/>
        </c:dLbls>
        <c:gapWidth val="150"/>
        <c:axId val="370637528"/>
        <c:axId val="370637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845.86</c:v>
                </c:pt>
                <c:pt idx="1">
                  <c:v>802.49</c:v>
                </c:pt>
                <c:pt idx="2">
                  <c:v>805.14</c:v>
                </c:pt>
                <c:pt idx="3">
                  <c:v>730.93</c:v>
                </c:pt>
                <c:pt idx="4">
                  <c:v>708.89</c:v>
                </c:pt>
              </c:numCache>
            </c:numRef>
          </c:val>
          <c:smooth val="0"/>
          <c:extLst xmlns:c16r2="http://schemas.microsoft.com/office/drawing/2015/06/chart">
            <c:ext xmlns:c16="http://schemas.microsoft.com/office/drawing/2014/chart" uri="{C3380CC4-5D6E-409C-BE32-E72D297353CC}">
              <c16:uniqueId val="{00000001-6068-4FF4-B208-7D02B0774C53}"/>
            </c:ext>
          </c:extLst>
        </c:ser>
        <c:dLbls>
          <c:showLegendKey val="0"/>
          <c:showVal val="0"/>
          <c:showCatName val="0"/>
          <c:showSerName val="0"/>
          <c:showPercent val="0"/>
          <c:showBubbleSize val="0"/>
        </c:dLbls>
        <c:marker val="1"/>
        <c:smooth val="0"/>
        <c:axId val="370637528"/>
        <c:axId val="370637920"/>
      </c:lineChart>
      <c:dateAx>
        <c:axId val="370637528"/>
        <c:scaling>
          <c:orientation val="minMax"/>
        </c:scaling>
        <c:delete val="1"/>
        <c:axPos val="b"/>
        <c:numFmt formatCode="&quot;H&quot;yy" sourceLinked="1"/>
        <c:majorTickMark val="none"/>
        <c:minorTickMark val="none"/>
        <c:tickLblPos val="none"/>
        <c:crossAx val="370637920"/>
        <c:crosses val="autoZero"/>
        <c:auto val="1"/>
        <c:lblOffset val="100"/>
        <c:baseTimeUnit val="years"/>
      </c:dateAx>
      <c:valAx>
        <c:axId val="3706379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637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87.5</c:v>
                </c:pt>
                <c:pt idx="1">
                  <c:v>90.42</c:v>
                </c:pt>
                <c:pt idx="2">
                  <c:v>88.9</c:v>
                </c:pt>
                <c:pt idx="3">
                  <c:v>104.01</c:v>
                </c:pt>
                <c:pt idx="4">
                  <c:v>109.77</c:v>
                </c:pt>
              </c:numCache>
            </c:numRef>
          </c:val>
          <c:extLst xmlns:c16r2="http://schemas.microsoft.com/office/drawing/2015/06/chart">
            <c:ext xmlns:c16="http://schemas.microsoft.com/office/drawing/2014/chart" uri="{C3380CC4-5D6E-409C-BE32-E72D297353CC}">
              <c16:uniqueId val="{00000000-FAF5-4C5C-92CD-C4AB84B04D63}"/>
            </c:ext>
          </c:extLst>
        </c:ser>
        <c:dLbls>
          <c:showLegendKey val="0"/>
          <c:showVal val="0"/>
          <c:showCatName val="0"/>
          <c:showSerName val="0"/>
          <c:showPercent val="0"/>
          <c:showBubbleSize val="0"/>
        </c:dLbls>
        <c:gapWidth val="150"/>
        <c:axId val="370633608"/>
        <c:axId val="370639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01.88</c:v>
                </c:pt>
                <c:pt idx="1">
                  <c:v>103.18</c:v>
                </c:pt>
                <c:pt idx="2">
                  <c:v>100.22</c:v>
                </c:pt>
                <c:pt idx="3">
                  <c:v>98.09</c:v>
                </c:pt>
                <c:pt idx="4">
                  <c:v>97.91</c:v>
                </c:pt>
              </c:numCache>
            </c:numRef>
          </c:val>
          <c:smooth val="0"/>
          <c:extLst xmlns:c16r2="http://schemas.microsoft.com/office/drawing/2015/06/chart">
            <c:ext xmlns:c16="http://schemas.microsoft.com/office/drawing/2014/chart" uri="{C3380CC4-5D6E-409C-BE32-E72D297353CC}">
              <c16:uniqueId val="{00000001-FAF5-4C5C-92CD-C4AB84B04D63}"/>
            </c:ext>
          </c:extLst>
        </c:ser>
        <c:dLbls>
          <c:showLegendKey val="0"/>
          <c:showVal val="0"/>
          <c:showCatName val="0"/>
          <c:showSerName val="0"/>
          <c:showPercent val="0"/>
          <c:showBubbleSize val="0"/>
        </c:dLbls>
        <c:marker val="1"/>
        <c:smooth val="0"/>
        <c:axId val="370633608"/>
        <c:axId val="370639880"/>
      </c:lineChart>
      <c:dateAx>
        <c:axId val="370633608"/>
        <c:scaling>
          <c:orientation val="minMax"/>
        </c:scaling>
        <c:delete val="1"/>
        <c:axPos val="b"/>
        <c:numFmt formatCode="&quot;H&quot;yy" sourceLinked="1"/>
        <c:majorTickMark val="none"/>
        <c:minorTickMark val="none"/>
        <c:tickLblPos val="none"/>
        <c:crossAx val="370639880"/>
        <c:crosses val="autoZero"/>
        <c:auto val="1"/>
        <c:lblOffset val="100"/>
        <c:baseTimeUnit val="years"/>
      </c:dateAx>
      <c:valAx>
        <c:axId val="370639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6336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37.4</c:v>
                </c:pt>
                <c:pt idx="1">
                  <c:v>133.21</c:v>
                </c:pt>
                <c:pt idx="2">
                  <c:v>134.93</c:v>
                </c:pt>
                <c:pt idx="3">
                  <c:v>115.59</c:v>
                </c:pt>
                <c:pt idx="4">
                  <c:v>93.49</c:v>
                </c:pt>
              </c:numCache>
            </c:numRef>
          </c:val>
          <c:extLst xmlns:c16r2="http://schemas.microsoft.com/office/drawing/2015/06/chart">
            <c:ext xmlns:c16="http://schemas.microsoft.com/office/drawing/2014/chart" uri="{C3380CC4-5D6E-409C-BE32-E72D297353CC}">
              <c16:uniqueId val="{00000000-C65F-4DDF-98AE-DB7620B9ECA3}"/>
            </c:ext>
          </c:extLst>
        </c:ser>
        <c:dLbls>
          <c:showLegendKey val="0"/>
          <c:showVal val="0"/>
          <c:showCatName val="0"/>
          <c:showSerName val="0"/>
          <c:showPercent val="0"/>
          <c:showBubbleSize val="0"/>
        </c:dLbls>
        <c:gapWidth val="150"/>
        <c:axId val="370892616"/>
        <c:axId val="370893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3.15</c:v>
                </c:pt>
                <c:pt idx="1">
                  <c:v>141.11000000000001</c:v>
                </c:pt>
                <c:pt idx="2">
                  <c:v>144.79</c:v>
                </c:pt>
                <c:pt idx="3">
                  <c:v>146.08000000000001</c:v>
                </c:pt>
                <c:pt idx="4">
                  <c:v>144.11000000000001</c:v>
                </c:pt>
              </c:numCache>
            </c:numRef>
          </c:val>
          <c:smooth val="0"/>
          <c:extLst xmlns:c16r2="http://schemas.microsoft.com/office/drawing/2015/06/chart">
            <c:ext xmlns:c16="http://schemas.microsoft.com/office/drawing/2014/chart" uri="{C3380CC4-5D6E-409C-BE32-E72D297353CC}">
              <c16:uniqueId val="{00000001-C65F-4DDF-98AE-DB7620B9ECA3}"/>
            </c:ext>
          </c:extLst>
        </c:ser>
        <c:dLbls>
          <c:showLegendKey val="0"/>
          <c:showVal val="0"/>
          <c:showCatName val="0"/>
          <c:showSerName val="0"/>
          <c:showPercent val="0"/>
          <c:showBubbleSize val="0"/>
        </c:dLbls>
        <c:marker val="1"/>
        <c:smooth val="0"/>
        <c:axId val="370892616"/>
        <c:axId val="370893792"/>
      </c:lineChart>
      <c:dateAx>
        <c:axId val="370892616"/>
        <c:scaling>
          <c:orientation val="minMax"/>
        </c:scaling>
        <c:delete val="1"/>
        <c:axPos val="b"/>
        <c:numFmt formatCode="&quot;H&quot;yy" sourceLinked="1"/>
        <c:majorTickMark val="none"/>
        <c:minorTickMark val="none"/>
        <c:tickLblPos val="none"/>
        <c:crossAx val="370893792"/>
        <c:crosses val="autoZero"/>
        <c:auto val="1"/>
        <c:lblOffset val="100"/>
        <c:baseTimeUnit val="years"/>
      </c:dateAx>
      <c:valAx>
        <c:axId val="3708937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708926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8" t="s">
        <v>0</v>
      </c>
      <c r="C2" s="68"/>
      <c r="D2" s="68"/>
      <c r="E2" s="68"/>
      <c r="F2" s="68"/>
      <c r="G2" s="68"/>
      <c r="H2" s="68"/>
      <c r="I2" s="68"/>
      <c r="J2" s="68"/>
      <c r="K2" s="68"/>
      <c r="L2" s="68"/>
      <c r="M2" s="68"/>
      <c r="N2" s="68"/>
      <c r="O2" s="68"/>
      <c r="P2" s="68"/>
      <c r="Q2" s="68"/>
      <c r="R2" s="68"/>
      <c r="S2" s="68"/>
      <c r="T2" s="68"/>
      <c r="U2" s="68"/>
      <c r="V2" s="68"/>
      <c r="W2" s="68"/>
      <c r="X2" s="68"/>
      <c r="Y2" s="68"/>
      <c r="Z2" s="68"/>
      <c r="AA2" s="68"/>
      <c r="AB2" s="68"/>
      <c r="AC2" s="68"/>
      <c r="AD2" s="68"/>
      <c r="AE2" s="68"/>
      <c r="AF2" s="68"/>
      <c r="AG2" s="68"/>
      <c r="AH2" s="68"/>
      <c r="AI2" s="68"/>
      <c r="AJ2" s="68"/>
      <c r="AK2" s="68"/>
      <c r="AL2" s="68"/>
      <c r="AM2" s="68"/>
      <c r="AN2" s="68"/>
      <c r="AO2" s="68"/>
      <c r="AP2" s="68"/>
      <c r="AQ2" s="68"/>
      <c r="AR2" s="68"/>
      <c r="AS2" s="68"/>
      <c r="AT2" s="68"/>
      <c r="AU2" s="68"/>
      <c r="AV2" s="68"/>
      <c r="AW2" s="68"/>
      <c r="AX2" s="68"/>
      <c r="AY2" s="68"/>
      <c r="AZ2" s="68"/>
      <c r="BA2" s="68"/>
      <c r="BB2" s="68"/>
      <c r="BC2" s="68"/>
      <c r="BD2" s="68"/>
      <c r="BE2" s="68"/>
      <c r="BF2" s="68"/>
      <c r="BG2" s="68"/>
      <c r="BH2" s="68"/>
      <c r="BI2" s="68"/>
      <c r="BJ2" s="68"/>
      <c r="BK2" s="68"/>
      <c r="BL2" s="68"/>
      <c r="BM2" s="68"/>
      <c r="BN2" s="68"/>
      <c r="BO2" s="68"/>
      <c r="BP2" s="68"/>
      <c r="BQ2" s="68"/>
      <c r="BR2" s="68"/>
      <c r="BS2" s="68"/>
      <c r="BT2" s="68"/>
      <c r="BU2" s="68"/>
      <c r="BV2" s="68"/>
      <c r="BW2" s="68"/>
      <c r="BX2" s="68"/>
      <c r="BY2" s="68"/>
      <c r="BZ2" s="68"/>
    </row>
    <row r="3" spans="1:78" ht="9.75" customHeight="1" x14ac:dyDescent="0.2">
      <c r="A3" s="2"/>
      <c r="B3" s="68"/>
      <c r="C3" s="68"/>
      <c r="D3" s="68"/>
      <c r="E3" s="68"/>
      <c r="F3" s="68"/>
      <c r="G3" s="68"/>
      <c r="H3" s="68"/>
      <c r="I3" s="68"/>
      <c r="J3" s="68"/>
      <c r="K3" s="68"/>
      <c r="L3" s="68"/>
      <c r="M3" s="68"/>
      <c r="N3" s="68"/>
      <c r="O3" s="68"/>
      <c r="P3" s="68"/>
      <c r="Q3" s="68"/>
      <c r="R3" s="68"/>
      <c r="S3" s="68"/>
      <c r="T3" s="68"/>
      <c r="U3" s="68"/>
      <c r="V3" s="68"/>
      <c r="W3" s="68"/>
      <c r="X3" s="68"/>
      <c r="Y3" s="68"/>
      <c r="Z3" s="68"/>
      <c r="AA3" s="68"/>
      <c r="AB3" s="68"/>
      <c r="AC3" s="68"/>
      <c r="AD3" s="68"/>
      <c r="AE3" s="68"/>
      <c r="AF3" s="68"/>
      <c r="AG3" s="68"/>
      <c r="AH3" s="68"/>
      <c r="AI3" s="68"/>
      <c r="AJ3" s="68"/>
      <c r="AK3" s="68"/>
      <c r="AL3" s="68"/>
      <c r="AM3" s="68"/>
      <c r="AN3" s="68"/>
      <c r="AO3" s="68"/>
      <c r="AP3" s="68"/>
      <c r="AQ3" s="68"/>
      <c r="AR3" s="68"/>
      <c r="AS3" s="68"/>
      <c r="AT3" s="68"/>
      <c r="AU3" s="68"/>
      <c r="AV3" s="68"/>
      <c r="AW3" s="68"/>
      <c r="AX3" s="68"/>
      <c r="AY3" s="68"/>
      <c r="AZ3" s="68"/>
      <c r="BA3" s="68"/>
      <c r="BB3" s="68"/>
      <c r="BC3" s="68"/>
      <c r="BD3" s="68"/>
      <c r="BE3" s="68"/>
      <c r="BF3" s="68"/>
      <c r="BG3" s="68"/>
      <c r="BH3" s="68"/>
      <c r="BI3" s="68"/>
      <c r="BJ3" s="68"/>
      <c r="BK3" s="68"/>
      <c r="BL3" s="68"/>
      <c r="BM3" s="68"/>
      <c r="BN3" s="68"/>
      <c r="BO3" s="68"/>
      <c r="BP3" s="68"/>
      <c r="BQ3" s="68"/>
      <c r="BR3" s="68"/>
      <c r="BS3" s="68"/>
      <c r="BT3" s="68"/>
      <c r="BU3" s="68"/>
      <c r="BV3" s="68"/>
      <c r="BW3" s="68"/>
      <c r="BX3" s="68"/>
      <c r="BY3" s="68"/>
      <c r="BZ3" s="68"/>
    </row>
    <row r="4" spans="1:78" ht="9.75" customHeight="1" x14ac:dyDescent="0.2">
      <c r="A4" s="2"/>
      <c r="B4" s="68"/>
      <c r="C4" s="68"/>
      <c r="D4" s="68"/>
      <c r="E4" s="68"/>
      <c r="F4" s="68"/>
      <c r="G4" s="68"/>
      <c r="H4" s="68"/>
      <c r="I4" s="68"/>
      <c r="J4" s="68"/>
      <c r="K4" s="68"/>
      <c r="L4" s="68"/>
      <c r="M4" s="68"/>
      <c r="N4" s="68"/>
      <c r="O4" s="68"/>
      <c r="P4" s="68"/>
      <c r="Q4" s="68"/>
      <c r="R4" s="68"/>
      <c r="S4" s="68"/>
      <c r="T4" s="68"/>
      <c r="U4" s="68"/>
      <c r="V4" s="68"/>
      <c r="W4" s="68"/>
      <c r="X4" s="68"/>
      <c r="Y4" s="68"/>
      <c r="Z4" s="68"/>
      <c r="AA4" s="68"/>
      <c r="AB4" s="68"/>
      <c r="AC4" s="68"/>
      <c r="AD4" s="68"/>
      <c r="AE4" s="68"/>
      <c r="AF4" s="68"/>
      <c r="AG4" s="68"/>
      <c r="AH4" s="68"/>
      <c r="AI4" s="68"/>
      <c r="AJ4" s="68"/>
      <c r="AK4" s="68"/>
      <c r="AL4" s="68"/>
      <c r="AM4" s="68"/>
      <c r="AN4" s="68"/>
      <c r="AO4" s="68"/>
      <c r="AP4" s="68"/>
      <c r="AQ4" s="68"/>
      <c r="AR4" s="68"/>
      <c r="AS4" s="68"/>
      <c r="AT4" s="68"/>
      <c r="AU4" s="68"/>
      <c r="AV4" s="68"/>
      <c r="AW4" s="68"/>
      <c r="AX4" s="68"/>
      <c r="AY4" s="68"/>
      <c r="AZ4" s="68"/>
      <c r="BA4" s="68"/>
      <c r="BB4" s="68"/>
      <c r="BC4" s="68"/>
      <c r="BD4" s="68"/>
      <c r="BE4" s="68"/>
      <c r="BF4" s="68"/>
      <c r="BG4" s="68"/>
      <c r="BH4" s="68"/>
      <c r="BI4" s="68"/>
      <c r="BJ4" s="68"/>
      <c r="BK4" s="68"/>
      <c r="BL4" s="68"/>
      <c r="BM4" s="68"/>
      <c r="BN4" s="68"/>
      <c r="BO4" s="68"/>
      <c r="BP4" s="68"/>
      <c r="BQ4" s="68"/>
      <c r="BR4" s="68"/>
      <c r="BS4" s="68"/>
      <c r="BT4" s="68"/>
      <c r="BU4" s="68"/>
      <c r="BV4" s="68"/>
      <c r="BW4" s="68"/>
      <c r="BX4" s="68"/>
      <c r="BY4" s="68"/>
      <c r="BZ4" s="68"/>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9" t="str">
        <f>データ!H6</f>
        <v>神奈川県　厚木市</v>
      </c>
      <c r="C6" s="69"/>
      <c r="D6" s="69"/>
      <c r="E6" s="69"/>
      <c r="F6" s="69"/>
      <c r="G6" s="69"/>
      <c r="H6" s="69"/>
      <c r="I6" s="69"/>
      <c r="J6" s="69"/>
      <c r="K6" s="69"/>
      <c r="L6" s="69"/>
      <c r="M6" s="69"/>
      <c r="N6" s="69"/>
      <c r="O6" s="69"/>
      <c r="P6" s="69"/>
      <c r="Q6" s="69"/>
      <c r="R6" s="69"/>
      <c r="S6" s="69"/>
      <c r="T6" s="69"/>
      <c r="U6" s="69"/>
      <c r="V6" s="69"/>
      <c r="W6" s="69"/>
      <c r="X6" s="69"/>
      <c r="Y6" s="69"/>
      <c r="Z6" s="69"/>
      <c r="AA6" s="69"/>
      <c r="AB6" s="69"/>
      <c r="AC6" s="69"/>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9" t="s">
        <v>1</v>
      </c>
      <c r="C7" s="59"/>
      <c r="D7" s="59"/>
      <c r="E7" s="59"/>
      <c r="F7" s="59"/>
      <c r="G7" s="59"/>
      <c r="H7" s="59"/>
      <c r="I7" s="59" t="s">
        <v>2</v>
      </c>
      <c r="J7" s="59"/>
      <c r="K7" s="59"/>
      <c r="L7" s="59"/>
      <c r="M7" s="59"/>
      <c r="N7" s="59"/>
      <c r="O7" s="59"/>
      <c r="P7" s="59" t="s">
        <v>3</v>
      </c>
      <c r="Q7" s="59"/>
      <c r="R7" s="59"/>
      <c r="S7" s="59"/>
      <c r="T7" s="59"/>
      <c r="U7" s="59"/>
      <c r="V7" s="59"/>
      <c r="W7" s="59" t="s">
        <v>4</v>
      </c>
      <c r="X7" s="59"/>
      <c r="Y7" s="59"/>
      <c r="Z7" s="59"/>
      <c r="AA7" s="59"/>
      <c r="AB7" s="59"/>
      <c r="AC7" s="59"/>
      <c r="AD7" s="59" t="s">
        <v>5</v>
      </c>
      <c r="AE7" s="59"/>
      <c r="AF7" s="59"/>
      <c r="AG7" s="59"/>
      <c r="AH7" s="59"/>
      <c r="AI7" s="59"/>
      <c r="AJ7" s="59"/>
      <c r="AK7" s="3"/>
      <c r="AL7" s="59" t="s">
        <v>6</v>
      </c>
      <c r="AM7" s="59"/>
      <c r="AN7" s="59"/>
      <c r="AO7" s="59"/>
      <c r="AP7" s="59"/>
      <c r="AQ7" s="59"/>
      <c r="AR7" s="59"/>
      <c r="AS7" s="59"/>
      <c r="AT7" s="59" t="s">
        <v>7</v>
      </c>
      <c r="AU7" s="59"/>
      <c r="AV7" s="59"/>
      <c r="AW7" s="59"/>
      <c r="AX7" s="59"/>
      <c r="AY7" s="59"/>
      <c r="AZ7" s="59"/>
      <c r="BA7" s="59"/>
      <c r="BB7" s="59" t="s">
        <v>8</v>
      </c>
      <c r="BC7" s="59"/>
      <c r="BD7" s="59"/>
      <c r="BE7" s="59"/>
      <c r="BF7" s="59"/>
      <c r="BG7" s="59"/>
      <c r="BH7" s="59"/>
      <c r="BI7" s="59"/>
      <c r="BJ7" s="3"/>
      <c r="BK7" s="3"/>
      <c r="BL7" s="4" t="s">
        <v>9</v>
      </c>
      <c r="BM7" s="5"/>
      <c r="BN7" s="5"/>
      <c r="BO7" s="5"/>
      <c r="BP7" s="5"/>
      <c r="BQ7" s="5"/>
      <c r="BR7" s="5"/>
      <c r="BS7" s="5"/>
      <c r="BT7" s="5"/>
      <c r="BU7" s="5"/>
      <c r="BV7" s="5"/>
      <c r="BW7" s="5"/>
      <c r="BX7" s="5"/>
      <c r="BY7" s="6"/>
    </row>
    <row r="8" spans="1:78" ht="18.75" customHeight="1" x14ac:dyDescent="0.2">
      <c r="A8" s="2"/>
      <c r="B8" s="66" t="str">
        <f>データ!I6</f>
        <v>法非適用</v>
      </c>
      <c r="C8" s="66"/>
      <c r="D8" s="66"/>
      <c r="E8" s="66"/>
      <c r="F8" s="66"/>
      <c r="G8" s="66"/>
      <c r="H8" s="66"/>
      <c r="I8" s="66" t="str">
        <f>データ!J6</f>
        <v>下水道事業</v>
      </c>
      <c r="J8" s="66"/>
      <c r="K8" s="66"/>
      <c r="L8" s="66"/>
      <c r="M8" s="66"/>
      <c r="N8" s="66"/>
      <c r="O8" s="66"/>
      <c r="P8" s="66" t="str">
        <f>データ!K6</f>
        <v>公共下水道</v>
      </c>
      <c r="Q8" s="66"/>
      <c r="R8" s="66"/>
      <c r="S8" s="66"/>
      <c r="T8" s="66"/>
      <c r="U8" s="66"/>
      <c r="V8" s="66"/>
      <c r="W8" s="66" t="str">
        <f>データ!L6</f>
        <v>Ac1</v>
      </c>
      <c r="X8" s="66"/>
      <c r="Y8" s="66"/>
      <c r="Z8" s="66"/>
      <c r="AA8" s="66"/>
      <c r="AB8" s="66"/>
      <c r="AC8" s="66"/>
      <c r="AD8" s="67" t="str">
        <f>データ!$M$6</f>
        <v>非設置</v>
      </c>
      <c r="AE8" s="67"/>
      <c r="AF8" s="67"/>
      <c r="AG8" s="67"/>
      <c r="AH8" s="67"/>
      <c r="AI8" s="67"/>
      <c r="AJ8" s="67"/>
      <c r="AK8" s="3"/>
      <c r="AL8" s="63">
        <f>データ!S6</f>
        <v>224378</v>
      </c>
      <c r="AM8" s="63"/>
      <c r="AN8" s="63"/>
      <c r="AO8" s="63"/>
      <c r="AP8" s="63"/>
      <c r="AQ8" s="63"/>
      <c r="AR8" s="63"/>
      <c r="AS8" s="63"/>
      <c r="AT8" s="62">
        <f>データ!T6</f>
        <v>93.84</v>
      </c>
      <c r="AU8" s="62"/>
      <c r="AV8" s="62"/>
      <c r="AW8" s="62"/>
      <c r="AX8" s="62"/>
      <c r="AY8" s="62"/>
      <c r="AZ8" s="62"/>
      <c r="BA8" s="62"/>
      <c r="BB8" s="62">
        <f>データ!U6</f>
        <v>2391.0700000000002</v>
      </c>
      <c r="BC8" s="62"/>
      <c r="BD8" s="62"/>
      <c r="BE8" s="62"/>
      <c r="BF8" s="62"/>
      <c r="BG8" s="62"/>
      <c r="BH8" s="62"/>
      <c r="BI8" s="62"/>
      <c r="BJ8" s="3"/>
      <c r="BK8" s="3"/>
      <c r="BL8" s="64" t="s">
        <v>10</v>
      </c>
      <c r="BM8" s="65"/>
      <c r="BN8" s="7" t="s">
        <v>11</v>
      </c>
      <c r="BO8" s="8"/>
      <c r="BP8" s="8"/>
      <c r="BQ8" s="8"/>
      <c r="BR8" s="8"/>
      <c r="BS8" s="8"/>
      <c r="BT8" s="8"/>
      <c r="BU8" s="8"/>
      <c r="BV8" s="8"/>
      <c r="BW8" s="8"/>
      <c r="BX8" s="8"/>
      <c r="BY8" s="9"/>
    </row>
    <row r="9" spans="1:78" ht="18.75" customHeight="1" x14ac:dyDescent="0.2">
      <c r="A9" s="2"/>
      <c r="B9" s="59" t="s">
        <v>12</v>
      </c>
      <c r="C9" s="59"/>
      <c r="D9" s="59"/>
      <c r="E9" s="59"/>
      <c r="F9" s="59"/>
      <c r="G9" s="59"/>
      <c r="H9" s="59"/>
      <c r="I9" s="59" t="s">
        <v>13</v>
      </c>
      <c r="J9" s="59"/>
      <c r="K9" s="59"/>
      <c r="L9" s="59"/>
      <c r="M9" s="59"/>
      <c r="N9" s="59"/>
      <c r="O9" s="59"/>
      <c r="P9" s="59" t="s">
        <v>14</v>
      </c>
      <c r="Q9" s="59"/>
      <c r="R9" s="59"/>
      <c r="S9" s="59"/>
      <c r="T9" s="59"/>
      <c r="U9" s="59"/>
      <c r="V9" s="59"/>
      <c r="W9" s="59" t="s">
        <v>15</v>
      </c>
      <c r="X9" s="59"/>
      <c r="Y9" s="59"/>
      <c r="Z9" s="59"/>
      <c r="AA9" s="59"/>
      <c r="AB9" s="59"/>
      <c r="AC9" s="59"/>
      <c r="AD9" s="59" t="s">
        <v>16</v>
      </c>
      <c r="AE9" s="59"/>
      <c r="AF9" s="59"/>
      <c r="AG9" s="59"/>
      <c r="AH9" s="59"/>
      <c r="AI9" s="59"/>
      <c r="AJ9" s="59"/>
      <c r="AK9" s="3"/>
      <c r="AL9" s="59" t="s">
        <v>17</v>
      </c>
      <c r="AM9" s="59"/>
      <c r="AN9" s="59"/>
      <c r="AO9" s="59"/>
      <c r="AP9" s="59"/>
      <c r="AQ9" s="59"/>
      <c r="AR9" s="59"/>
      <c r="AS9" s="59"/>
      <c r="AT9" s="59" t="s">
        <v>18</v>
      </c>
      <c r="AU9" s="59"/>
      <c r="AV9" s="59"/>
      <c r="AW9" s="59"/>
      <c r="AX9" s="59"/>
      <c r="AY9" s="59"/>
      <c r="AZ9" s="59"/>
      <c r="BA9" s="59"/>
      <c r="BB9" s="59" t="s">
        <v>19</v>
      </c>
      <c r="BC9" s="59"/>
      <c r="BD9" s="59"/>
      <c r="BE9" s="59"/>
      <c r="BF9" s="59"/>
      <c r="BG9" s="59"/>
      <c r="BH9" s="59"/>
      <c r="BI9" s="59"/>
      <c r="BJ9" s="3"/>
      <c r="BK9" s="3"/>
      <c r="BL9" s="60" t="s">
        <v>20</v>
      </c>
      <c r="BM9" s="61"/>
      <c r="BN9" s="10" t="s">
        <v>21</v>
      </c>
      <c r="BO9" s="11"/>
      <c r="BP9" s="11"/>
      <c r="BQ9" s="11"/>
      <c r="BR9" s="11"/>
      <c r="BS9" s="11"/>
      <c r="BT9" s="11"/>
      <c r="BU9" s="11"/>
      <c r="BV9" s="11"/>
      <c r="BW9" s="11"/>
      <c r="BX9" s="11"/>
      <c r="BY9" s="12"/>
    </row>
    <row r="10" spans="1:78" ht="18.75" customHeight="1" x14ac:dyDescent="0.2">
      <c r="A10" s="2"/>
      <c r="B10" s="62" t="str">
        <f>データ!N6</f>
        <v>-</v>
      </c>
      <c r="C10" s="62"/>
      <c r="D10" s="62"/>
      <c r="E10" s="62"/>
      <c r="F10" s="62"/>
      <c r="G10" s="62"/>
      <c r="H10" s="62"/>
      <c r="I10" s="62" t="str">
        <f>データ!O6</f>
        <v>該当数値なし</v>
      </c>
      <c r="J10" s="62"/>
      <c r="K10" s="62"/>
      <c r="L10" s="62"/>
      <c r="M10" s="62"/>
      <c r="N10" s="62"/>
      <c r="O10" s="62"/>
      <c r="P10" s="62">
        <f>データ!P6</f>
        <v>89.42</v>
      </c>
      <c r="Q10" s="62"/>
      <c r="R10" s="62"/>
      <c r="S10" s="62"/>
      <c r="T10" s="62"/>
      <c r="U10" s="62"/>
      <c r="V10" s="62"/>
      <c r="W10" s="62">
        <f>データ!Q6</f>
        <v>87.3</v>
      </c>
      <c r="X10" s="62"/>
      <c r="Y10" s="62"/>
      <c r="Z10" s="62"/>
      <c r="AA10" s="62"/>
      <c r="AB10" s="62"/>
      <c r="AC10" s="62"/>
      <c r="AD10" s="63">
        <f>データ!R6</f>
        <v>1974</v>
      </c>
      <c r="AE10" s="63"/>
      <c r="AF10" s="63"/>
      <c r="AG10" s="63"/>
      <c r="AH10" s="63"/>
      <c r="AI10" s="63"/>
      <c r="AJ10" s="63"/>
      <c r="AK10" s="2"/>
      <c r="AL10" s="63">
        <f>データ!V6</f>
        <v>200290</v>
      </c>
      <c r="AM10" s="63"/>
      <c r="AN10" s="63"/>
      <c r="AO10" s="63"/>
      <c r="AP10" s="63"/>
      <c r="AQ10" s="63"/>
      <c r="AR10" s="63"/>
      <c r="AS10" s="63"/>
      <c r="AT10" s="62">
        <f>データ!W6</f>
        <v>33.270000000000003</v>
      </c>
      <c r="AU10" s="62"/>
      <c r="AV10" s="62"/>
      <c r="AW10" s="62"/>
      <c r="AX10" s="62"/>
      <c r="AY10" s="62"/>
      <c r="AZ10" s="62"/>
      <c r="BA10" s="62"/>
      <c r="BB10" s="62">
        <f>データ!X6</f>
        <v>6020.14</v>
      </c>
      <c r="BC10" s="62"/>
      <c r="BD10" s="62"/>
      <c r="BE10" s="62"/>
      <c r="BF10" s="62"/>
      <c r="BG10" s="62"/>
      <c r="BH10" s="62"/>
      <c r="BI10" s="62"/>
      <c r="BJ10" s="2"/>
      <c r="BK10" s="2"/>
      <c r="BL10" s="52" t="s">
        <v>22</v>
      </c>
      <c r="BM10" s="53"/>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4" t="s">
        <v>24</v>
      </c>
      <c r="BM11" s="54"/>
      <c r="BN11" s="54"/>
      <c r="BO11" s="54"/>
      <c r="BP11" s="54"/>
      <c r="BQ11" s="54"/>
      <c r="BR11" s="54"/>
      <c r="BS11" s="54"/>
      <c r="BT11" s="54"/>
      <c r="BU11" s="54"/>
      <c r="BV11" s="54"/>
      <c r="BW11" s="54"/>
      <c r="BX11" s="54"/>
      <c r="BY11" s="54"/>
      <c r="BZ11" s="54"/>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4"/>
      <c r="BM12" s="54"/>
      <c r="BN12" s="54"/>
      <c r="BO12" s="54"/>
      <c r="BP12" s="54"/>
      <c r="BQ12" s="54"/>
      <c r="BR12" s="54"/>
      <c r="BS12" s="54"/>
      <c r="BT12" s="54"/>
      <c r="BU12" s="54"/>
      <c r="BV12" s="54"/>
      <c r="BW12" s="54"/>
      <c r="BX12" s="54"/>
      <c r="BY12" s="54"/>
      <c r="BZ12" s="54"/>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5"/>
      <c r="BM13" s="55"/>
      <c r="BN13" s="55"/>
      <c r="BO13" s="55"/>
      <c r="BP13" s="55"/>
      <c r="BQ13" s="55"/>
      <c r="BR13" s="55"/>
      <c r="BS13" s="55"/>
      <c r="BT13" s="55"/>
      <c r="BU13" s="55"/>
      <c r="BV13" s="55"/>
      <c r="BW13" s="55"/>
      <c r="BX13" s="55"/>
      <c r="BY13" s="55"/>
      <c r="BZ13" s="55"/>
    </row>
    <row r="14" spans="1:78" ht="13.5" customHeight="1" x14ac:dyDescent="0.2">
      <c r="A14" s="2"/>
      <c r="B14" s="56" t="s">
        <v>25</v>
      </c>
      <c r="C14" s="57"/>
      <c r="D14" s="57"/>
      <c r="E14" s="57"/>
      <c r="F14" s="57"/>
      <c r="G14" s="57"/>
      <c r="H14" s="57"/>
      <c r="I14" s="57"/>
      <c r="J14" s="57"/>
      <c r="K14" s="57"/>
      <c r="L14" s="57"/>
      <c r="M14" s="57"/>
      <c r="N14" s="57"/>
      <c r="O14" s="57"/>
      <c r="P14" s="57"/>
      <c r="Q14" s="57"/>
      <c r="R14" s="57"/>
      <c r="S14" s="57"/>
      <c r="T14" s="57"/>
      <c r="U14" s="57"/>
      <c r="V14" s="57"/>
      <c r="W14" s="57"/>
      <c r="X14" s="57"/>
      <c r="Y14" s="57"/>
      <c r="Z14" s="57"/>
      <c r="AA14" s="57"/>
      <c r="AB14" s="57"/>
      <c r="AC14" s="57"/>
      <c r="AD14" s="57"/>
      <c r="AE14" s="57"/>
      <c r="AF14" s="57"/>
      <c r="AG14" s="57"/>
      <c r="AH14" s="57"/>
      <c r="AI14" s="57"/>
      <c r="AJ14" s="57"/>
      <c r="AK14" s="57"/>
      <c r="AL14" s="57"/>
      <c r="AM14" s="57"/>
      <c r="AN14" s="57"/>
      <c r="AO14" s="57"/>
      <c r="AP14" s="57"/>
      <c r="AQ14" s="57"/>
      <c r="AR14" s="57"/>
      <c r="AS14" s="57"/>
      <c r="AT14" s="57"/>
      <c r="AU14" s="57"/>
      <c r="AV14" s="57"/>
      <c r="AW14" s="57"/>
      <c r="AX14" s="57"/>
      <c r="AY14" s="57"/>
      <c r="AZ14" s="57"/>
      <c r="BA14" s="57"/>
      <c r="BB14" s="57"/>
      <c r="BC14" s="57"/>
      <c r="BD14" s="57"/>
      <c r="BE14" s="57"/>
      <c r="BF14" s="57"/>
      <c r="BG14" s="57"/>
      <c r="BH14" s="57"/>
      <c r="BI14" s="57"/>
      <c r="BJ14" s="58"/>
      <c r="BK14" s="2"/>
      <c r="BL14" s="46" t="s">
        <v>26</v>
      </c>
      <c r="BM14" s="47"/>
      <c r="BN14" s="47"/>
      <c r="BO14" s="47"/>
      <c r="BP14" s="47"/>
      <c r="BQ14" s="47"/>
      <c r="BR14" s="47"/>
      <c r="BS14" s="47"/>
      <c r="BT14" s="47"/>
      <c r="BU14" s="47"/>
      <c r="BV14" s="47"/>
      <c r="BW14" s="47"/>
      <c r="BX14" s="47"/>
      <c r="BY14" s="47"/>
      <c r="BZ14" s="48"/>
    </row>
    <row r="15" spans="1:78" ht="13.5" customHeight="1" x14ac:dyDescent="0.2">
      <c r="A15" s="2"/>
      <c r="B15" s="43"/>
      <c r="C15" s="44"/>
      <c r="D15" s="44"/>
      <c r="E15" s="44"/>
      <c r="F15" s="44"/>
      <c r="G15" s="44"/>
      <c r="H15" s="44"/>
      <c r="I15" s="44"/>
      <c r="J15" s="44"/>
      <c r="K15" s="44"/>
      <c r="L15" s="44"/>
      <c r="M15" s="44"/>
      <c r="N15" s="44"/>
      <c r="O15" s="44"/>
      <c r="P15" s="44"/>
      <c r="Q15" s="44"/>
      <c r="R15" s="44"/>
      <c r="S15" s="44"/>
      <c r="T15" s="44"/>
      <c r="U15" s="44"/>
      <c r="V15" s="44"/>
      <c r="W15" s="44"/>
      <c r="X15" s="44"/>
      <c r="Y15" s="44"/>
      <c r="Z15" s="44"/>
      <c r="AA15" s="44"/>
      <c r="AB15" s="44"/>
      <c r="AC15" s="44"/>
      <c r="AD15" s="44"/>
      <c r="AE15" s="44"/>
      <c r="AF15" s="44"/>
      <c r="AG15" s="44"/>
      <c r="AH15" s="44"/>
      <c r="AI15" s="44"/>
      <c r="AJ15" s="44"/>
      <c r="AK15" s="44"/>
      <c r="AL15" s="44"/>
      <c r="AM15" s="44"/>
      <c r="AN15" s="44"/>
      <c r="AO15" s="44"/>
      <c r="AP15" s="44"/>
      <c r="AQ15" s="44"/>
      <c r="AR15" s="44"/>
      <c r="AS15" s="44"/>
      <c r="AT15" s="44"/>
      <c r="AU15" s="44"/>
      <c r="AV15" s="44"/>
      <c r="AW15" s="44"/>
      <c r="AX15" s="44"/>
      <c r="AY15" s="44"/>
      <c r="AZ15" s="44"/>
      <c r="BA15" s="44"/>
      <c r="BB15" s="44"/>
      <c r="BC15" s="44"/>
      <c r="BD15" s="44"/>
      <c r="BE15" s="44"/>
      <c r="BF15" s="44"/>
      <c r="BG15" s="44"/>
      <c r="BH15" s="44"/>
      <c r="BI15" s="44"/>
      <c r="BJ15" s="45"/>
      <c r="BK15" s="2"/>
      <c r="BL15" s="49"/>
      <c r="BM15" s="50"/>
      <c r="BN15" s="50"/>
      <c r="BO15" s="50"/>
      <c r="BP15" s="50"/>
      <c r="BQ15" s="50"/>
      <c r="BR15" s="50"/>
      <c r="BS15" s="50"/>
      <c r="BT15" s="50"/>
      <c r="BU15" s="50"/>
      <c r="BV15" s="50"/>
      <c r="BW15" s="50"/>
      <c r="BX15" s="50"/>
      <c r="BY15" s="50"/>
      <c r="BZ15" s="51"/>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8</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9</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43" t="s">
        <v>28</v>
      </c>
      <c r="C60" s="44"/>
      <c r="D60" s="44"/>
      <c r="E60" s="44"/>
      <c r="F60" s="44"/>
      <c r="G60" s="44"/>
      <c r="H60" s="44"/>
      <c r="I60" s="44"/>
      <c r="J60" s="44"/>
      <c r="K60" s="44"/>
      <c r="L60" s="44"/>
      <c r="M60" s="44"/>
      <c r="N60" s="44"/>
      <c r="O60" s="44"/>
      <c r="P60" s="44"/>
      <c r="Q60" s="44"/>
      <c r="R60" s="44"/>
      <c r="S60" s="44"/>
      <c r="T60" s="44"/>
      <c r="U60" s="44"/>
      <c r="V60" s="44"/>
      <c r="W60" s="44"/>
      <c r="X60" s="44"/>
      <c r="Y60" s="44"/>
      <c r="Z60" s="44"/>
      <c r="AA60" s="44"/>
      <c r="AB60" s="44"/>
      <c r="AC60" s="44"/>
      <c r="AD60" s="44"/>
      <c r="AE60" s="44"/>
      <c r="AF60" s="44"/>
      <c r="AG60" s="44"/>
      <c r="AH60" s="44"/>
      <c r="AI60" s="44"/>
      <c r="AJ60" s="44"/>
      <c r="AK60" s="44"/>
      <c r="AL60" s="44"/>
      <c r="AM60" s="44"/>
      <c r="AN60" s="44"/>
      <c r="AO60" s="44"/>
      <c r="AP60" s="44"/>
      <c r="AQ60" s="44"/>
      <c r="AR60" s="44"/>
      <c r="AS60" s="44"/>
      <c r="AT60" s="44"/>
      <c r="AU60" s="44"/>
      <c r="AV60" s="44"/>
      <c r="AW60" s="44"/>
      <c r="AX60" s="44"/>
      <c r="AY60" s="44"/>
      <c r="AZ60" s="44"/>
      <c r="BA60" s="44"/>
      <c r="BB60" s="44"/>
      <c r="BC60" s="44"/>
      <c r="BD60" s="44"/>
      <c r="BE60" s="44"/>
      <c r="BF60" s="44"/>
      <c r="BG60" s="44"/>
      <c r="BH60" s="44"/>
      <c r="BI60" s="44"/>
      <c r="BJ60" s="45"/>
      <c r="BK60" s="2"/>
      <c r="BL60" s="78"/>
      <c r="BM60" s="79"/>
      <c r="BN60" s="79"/>
      <c r="BO60" s="79"/>
      <c r="BP60" s="79"/>
      <c r="BQ60" s="79"/>
      <c r="BR60" s="79"/>
      <c r="BS60" s="79"/>
      <c r="BT60" s="79"/>
      <c r="BU60" s="79"/>
      <c r="BV60" s="79"/>
      <c r="BW60" s="79"/>
      <c r="BX60" s="79"/>
      <c r="BY60" s="79"/>
      <c r="BZ60" s="80"/>
    </row>
    <row r="61" spans="1:78" ht="13.5" customHeight="1" x14ac:dyDescent="0.2">
      <c r="A61" s="2"/>
      <c r="B61" s="43"/>
      <c r="C61" s="44"/>
      <c r="D61" s="44"/>
      <c r="E61" s="44"/>
      <c r="F61" s="44"/>
      <c r="G61" s="44"/>
      <c r="H61" s="44"/>
      <c r="I61" s="44"/>
      <c r="J61" s="44"/>
      <c r="K61" s="44"/>
      <c r="L61" s="44"/>
      <c r="M61" s="44"/>
      <c r="N61" s="44"/>
      <c r="O61" s="44"/>
      <c r="P61" s="44"/>
      <c r="Q61" s="44"/>
      <c r="R61" s="44"/>
      <c r="S61" s="44"/>
      <c r="T61" s="44"/>
      <c r="U61" s="44"/>
      <c r="V61" s="44"/>
      <c r="W61" s="44"/>
      <c r="X61" s="44"/>
      <c r="Y61" s="44"/>
      <c r="Z61" s="44"/>
      <c r="AA61" s="44"/>
      <c r="AB61" s="44"/>
      <c r="AC61" s="44"/>
      <c r="AD61" s="44"/>
      <c r="AE61" s="44"/>
      <c r="AF61" s="44"/>
      <c r="AG61" s="44"/>
      <c r="AH61" s="44"/>
      <c r="AI61" s="44"/>
      <c r="AJ61" s="44"/>
      <c r="AK61" s="44"/>
      <c r="AL61" s="44"/>
      <c r="AM61" s="44"/>
      <c r="AN61" s="44"/>
      <c r="AO61" s="44"/>
      <c r="AP61" s="44"/>
      <c r="AQ61" s="44"/>
      <c r="AR61" s="44"/>
      <c r="AS61" s="44"/>
      <c r="AT61" s="44"/>
      <c r="AU61" s="44"/>
      <c r="AV61" s="44"/>
      <c r="AW61" s="44"/>
      <c r="AX61" s="44"/>
      <c r="AY61" s="44"/>
      <c r="AZ61" s="44"/>
      <c r="BA61" s="44"/>
      <c r="BB61" s="44"/>
      <c r="BC61" s="44"/>
      <c r="BD61" s="44"/>
      <c r="BE61" s="44"/>
      <c r="BF61" s="44"/>
      <c r="BG61" s="44"/>
      <c r="BH61" s="44"/>
      <c r="BI61" s="44"/>
      <c r="BJ61" s="45"/>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20</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51】</v>
      </c>
      <c r="I86" s="26" t="str">
        <f>データ!CA6</f>
        <v>【100.34】</v>
      </c>
      <c r="J86" s="26" t="str">
        <f>データ!CL6</f>
        <v>【136.15】</v>
      </c>
      <c r="K86" s="26" t="str">
        <f>データ!CW6</f>
        <v>【59.64】</v>
      </c>
      <c r="L86" s="26" t="str">
        <f>データ!DH6</f>
        <v>【95.35】</v>
      </c>
      <c r="M86" s="26" t="s">
        <v>44</v>
      </c>
      <c r="N86" s="26" t="s">
        <v>43</v>
      </c>
      <c r="O86" s="26" t="str">
        <f>データ!EO6</f>
        <v>【0.22】</v>
      </c>
    </row>
  </sheetData>
  <sheetProtection algorithmName="SHA-512" hashValue="AiTvtqohqxv0N9c+sHcWD5CkVejEmeQPp7W8WUVxu9+KrdQTwZpD+QFeRXZ2y5nva+1o9imHhck73CNXUOz8JA==" saltValue="ZfXbe3v6FfcY5ewkoV6i2w=="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3"/>
  <sheetViews>
    <sheetView showGridLines="0" workbookViewId="0"/>
  </sheetViews>
  <sheetFormatPr defaultRowHeight="13.2" x14ac:dyDescent="0.2"/>
  <cols>
    <col min="2" max="144" width="11.88671875" customWidth="1"/>
  </cols>
  <sheetData>
    <row r="1" spans="1:145" x14ac:dyDescent="0.2">
      <c r="A1" t="s">
        <v>4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7</v>
      </c>
      <c r="B3" s="29" t="s">
        <v>48</v>
      </c>
      <c r="C3" s="29" t="s">
        <v>49</v>
      </c>
      <c r="D3" s="29" t="s">
        <v>50</v>
      </c>
      <c r="E3" s="29" t="s">
        <v>51</v>
      </c>
      <c r="F3" s="29" t="s">
        <v>52</v>
      </c>
      <c r="G3" s="29" t="s">
        <v>53</v>
      </c>
      <c r="H3" s="71" t="s">
        <v>54</v>
      </c>
      <c r="I3" s="72"/>
      <c r="J3" s="72"/>
      <c r="K3" s="72"/>
      <c r="L3" s="72"/>
      <c r="M3" s="72"/>
      <c r="N3" s="72"/>
      <c r="O3" s="72"/>
      <c r="P3" s="72"/>
      <c r="Q3" s="72"/>
      <c r="R3" s="72"/>
      <c r="S3" s="72"/>
      <c r="T3" s="72"/>
      <c r="U3" s="72"/>
      <c r="V3" s="72"/>
      <c r="W3" s="72"/>
      <c r="X3" s="73"/>
      <c r="Y3" s="77" t="s">
        <v>55</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6</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5" x14ac:dyDescent="0.2">
      <c r="A4" s="28" t="s">
        <v>57</v>
      </c>
      <c r="B4" s="30"/>
      <c r="C4" s="30"/>
      <c r="D4" s="30"/>
      <c r="E4" s="30"/>
      <c r="F4" s="30"/>
      <c r="G4" s="30"/>
      <c r="H4" s="74"/>
      <c r="I4" s="75"/>
      <c r="J4" s="75"/>
      <c r="K4" s="75"/>
      <c r="L4" s="75"/>
      <c r="M4" s="75"/>
      <c r="N4" s="75"/>
      <c r="O4" s="75"/>
      <c r="P4" s="75"/>
      <c r="Q4" s="75"/>
      <c r="R4" s="75"/>
      <c r="S4" s="75"/>
      <c r="T4" s="75"/>
      <c r="U4" s="75"/>
      <c r="V4" s="75"/>
      <c r="W4" s="75"/>
      <c r="X4" s="76"/>
      <c r="Y4" s="70" t="s">
        <v>58</v>
      </c>
      <c r="Z4" s="70"/>
      <c r="AA4" s="70"/>
      <c r="AB4" s="70"/>
      <c r="AC4" s="70"/>
      <c r="AD4" s="70"/>
      <c r="AE4" s="70"/>
      <c r="AF4" s="70"/>
      <c r="AG4" s="70"/>
      <c r="AH4" s="70"/>
      <c r="AI4" s="70"/>
      <c r="AJ4" s="70" t="s">
        <v>59</v>
      </c>
      <c r="AK4" s="70"/>
      <c r="AL4" s="70"/>
      <c r="AM4" s="70"/>
      <c r="AN4" s="70"/>
      <c r="AO4" s="70"/>
      <c r="AP4" s="70"/>
      <c r="AQ4" s="70"/>
      <c r="AR4" s="70"/>
      <c r="AS4" s="70"/>
      <c r="AT4" s="70"/>
      <c r="AU4" s="70" t="s">
        <v>60</v>
      </c>
      <c r="AV4" s="70"/>
      <c r="AW4" s="70"/>
      <c r="AX4" s="70"/>
      <c r="AY4" s="70"/>
      <c r="AZ4" s="70"/>
      <c r="BA4" s="70"/>
      <c r="BB4" s="70"/>
      <c r="BC4" s="70"/>
      <c r="BD4" s="70"/>
      <c r="BE4" s="70"/>
      <c r="BF4" s="70" t="s">
        <v>61</v>
      </c>
      <c r="BG4" s="70"/>
      <c r="BH4" s="70"/>
      <c r="BI4" s="70"/>
      <c r="BJ4" s="70"/>
      <c r="BK4" s="70"/>
      <c r="BL4" s="70"/>
      <c r="BM4" s="70"/>
      <c r="BN4" s="70"/>
      <c r="BO4" s="70"/>
      <c r="BP4" s="70"/>
      <c r="BQ4" s="70" t="s">
        <v>62</v>
      </c>
      <c r="BR4" s="70"/>
      <c r="BS4" s="70"/>
      <c r="BT4" s="70"/>
      <c r="BU4" s="70"/>
      <c r="BV4" s="70"/>
      <c r="BW4" s="70"/>
      <c r="BX4" s="70"/>
      <c r="BY4" s="70"/>
      <c r="BZ4" s="70"/>
      <c r="CA4" s="70"/>
      <c r="CB4" s="70" t="s">
        <v>63</v>
      </c>
      <c r="CC4" s="70"/>
      <c r="CD4" s="70"/>
      <c r="CE4" s="70"/>
      <c r="CF4" s="70"/>
      <c r="CG4" s="70"/>
      <c r="CH4" s="70"/>
      <c r="CI4" s="70"/>
      <c r="CJ4" s="70"/>
      <c r="CK4" s="70"/>
      <c r="CL4" s="70"/>
      <c r="CM4" s="70" t="s">
        <v>64</v>
      </c>
      <c r="CN4" s="70"/>
      <c r="CO4" s="70"/>
      <c r="CP4" s="70"/>
      <c r="CQ4" s="70"/>
      <c r="CR4" s="70"/>
      <c r="CS4" s="70"/>
      <c r="CT4" s="70"/>
      <c r="CU4" s="70"/>
      <c r="CV4" s="70"/>
      <c r="CW4" s="70"/>
      <c r="CX4" s="70" t="s">
        <v>65</v>
      </c>
      <c r="CY4" s="70"/>
      <c r="CZ4" s="70"/>
      <c r="DA4" s="70"/>
      <c r="DB4" s="70"/>
      <c r="DC4" s="70"/>
      <c r="DD4" s="70"/>
      <c r="DE4" s="70"/>
      <c r="DF4" s="70"/>
      <c r="DG4" s="70"/>
      <c r="DH4" s="70"/>
      <c r="DI4" s="70" t="s">
        <v>66</v>
      </c>
      <c r="DJ4" s="70"/>
      <c r="DK4" s="70"/>
      <c r="DL4" s="70"/>
      <c r="DM4" s="70"/>
      <c r="DN4" s="70"/>
      <c r="DO4" s="70"/>
      <c r="DP4" s="70"/>
      <c r="DQ4" s="70"/>
      <c r="DR4" s="70"/>
      <c r="DS4" s="70"/>
      <c r="DT4" s="70" t="s">
        <v>67</v>
      </c>
      <c r="DU4" s="70"/>
      <c r="DV4" s="70"/>
      <c r="DW4" s="70"/>
      <c r="DX4" s="70"/>
      <c r="DY4" s="70"/>
      <c r="DZ4" s="70"/>
      <c r="EA4" s="70"/>
      <c r="EB4" s="70"/>
      <c r="EC4" s="70"/>
      <c r="ED4" s="70"/>
      <c r="EE4" s="70" t="s">
        <v>68</v>
      </c>
      <c r="EF4" s="70"/>
      <c r="EG4" s="70"/>
      <c r="EH4" s="70"/>
      <c r="EI4" s="70"/>
      <c r="EJ4" s="70"/>
      <c r="EK4" s="70"/>
      <c r="EL4" s="70"/>
      <c r="EM4" s="70"/>
      <c r="EN4" s="70"/>
      <c r="EO4" s="70"/>
    </row>
    <row r="5" spans="1:145" x14ac:dyDescent="0.2">
      <c r="A5" s="28" t="s">
        <v>69</v>
      </c>
      <c r="B5" s="31"/>
      <c r="C5" s="31"/>
      <c r="D5" s="31"/>
      <c r="E5" s="31"/>
      <c r="F5" s="31"/>
      <c r="G5" s="31"/>
      <c r="H5" s="32" t="s">
        <v>70</v>
      </c>
      <c r="I5" s="32" t="s">
        <v>71</v>
      </c>
      <c r="J5" s="32" t="s">
        <v>72</v>
      </c>
      <c r="K5" s="32" t="s">
        <v>73</v>
      </c>
      <c r="L5" s="32" t="s">
        <v>74</v>
      </c>
      <c r="M5" s="32" t="s">
        <v>5</v>
      </c>
      <c r="N5" s="32" t="s">
        <v>75</v>
      </c>
      <c r="O5" s="32" t="s">
        <v>76</v>
      </c>
      <c r="P5" s="32" t="s">
        <v>77</v>
      </c>
      <c r="Q5" s="32" t="s">
        <v>78</v>
      </c>
      <c r="R5" s="32" t="s">
        <v>79</v>
      </c>
      <c r="S5" s="32" t="s">
        <v>80</v>
      </c>
      <c r="T5" s="32" t="s">
        <v>81</v>
      </c>
      <c r="U5" s="32" t="s">
        <v>82</v>
      </c>
      <c r="V5" s="32" t="s">
        <v>83</v>
      </c>
      <c r="W5" s="32" t="s">
        <v>84</v>
      </c>
      <c r="X5" s="32" t="s">
        <v>85</v>
      </c>
      <c r="Y5" s="32" t="s">
        <v>86</v>
      </c>
      <c r="Z5" s="32" t="s">
        <v>87</v>
      </c>
      <c r="AA5" s="32" t="s">
        <v>88</v>
      </c>
      <c r="AB5" s="32" t="s">
        <v>89</v>
      </c>
      <c r="AC5" s="32" t="s">
        <v>90</v>
      </c>
      <c r="AD5" s="32" t="s">
        <v>91</v>
      </c>
      <c r="AE5" s="32" t="s">
        <v>92</v>
      </c>
      <c r="AF5" s="32" t="s">
        <v>93</v>
      </c>
      <c r="AG5" s="32" t="s">
        <v>94</v>
      </c>
      <c r="AH5" s="32" t="s">
        <v>95</v>
      </c>
      <c r="AI5" s="32" t="s">
        <v>31</v>
      </c>
      <c r="AJ5" s="32" t="s">
        <v>86</v>
      </c>
      <c r="AK5" s="32" t="s">
        <v>87</v>
      </c>
      <c r="AL5" s="32" t="s">
        <v>88</v>
      </c>
      <c r="AM5" s="32" t="s">
        <v>89</v>
      </c>
      <c r="AN5" s="32" t="s">
        <v>90</v>
      </c>
      <c r="AO5" s="32" t="s">
        <v>91</v>
      </c>
      <c r="AP5" s="32" t="s">
        <v>92</v>
      </c>
      <c r="AQ5" s="32" t="s">
        <v>93</v>
      </c>
      <c r="AR5" s="32" t="s">
        <v>94</v>
      </c>
      <c r="AS5" s="32" t="s">
        <v>95</v>
      </c>
      <c r="AT5" s="32" t="s">
        <v>96</v>
      </c>
      <c r="AU5" s="32" t="s">
        <v>86</v>
      </c>
      <c r="AV5" s="32" t="s">
        <v>87</v>
      </c>
      <c r="AW5" s="32" t="s">
        <v>88</v>
      </c>
      <c r="AX5" s="32" t="s">
        <v>89</v>
      </c>
      <c r="AY5" s="32" t="s">
        <v>90</v>
      </c>
      <c r="AZ5" s="32" t="s">
        <v>91</v>
      </c>
      <c r="BA5" s="32" t="s">
        <v>92</v>
      </c>
      <c r="BB5" s="32" t="s">
        <v>93</v>
      </c>
      <c r="BC5" s="32" t="s">
        <v>94</v>
      </c>
      <c r="BD5" s="32" t="s">
        <v>95</v>
      </c>
      <c r="BE5" s="32" t="s">
        <v>96</v>
      </c>
      <c r="BF5" s="32" t="s">
        <v>86</v>
      </c>
      <c r="BG5" s="32" t="s">
        <v>87</v>
      </c>
      <c r="BH5" s="32" t="s">
        <v>88</v>
      </c>
      <c r="BI5" s="32" t="s">
        <v>89</v>
      </c>
      <c r="BJ5" s="32" t="s">
        <v>90</v>
      </c>
      <c r="BK5" s="32" t="s">
        <v>91</v>
      </c>
      <c r="BL5" s="32" t="s">
        <v>92</v>
      </c>
      <c r="BM5" s="32" t="s">
        <v>93</v>
      </c>
      <c r="BN5" s="32" t="s">
        <v>94</v>
      </c>
      <c r="BO5" s="32" t="s">
        <v>95</v>
      </c>
      <c r="BP5" s="32" t="s">
        <v>96</v>
      </c>
      <c r="BQ5" s="32" t="s">
        <v>86</v>
      </c>
      <c r="BR5" s="32" t="s">
        <v>87</v>
      </c>
      <c r="BS5" s="32" t="s">
        <v>88</v>
      </c>
      <c r="BT5" s="32" t="s">
        <v>89</v>
      </c>
      <c r="BU5" s="32" t="s">
        <v>90</v>
      </c>
      <c r="BV5" s="32" t="s">
        <v>91</v>
      </c>
      <c r="BW5" s="32" t="s">
        <v>92</v>
      </c>
      <c r="BX5" s="32" t="s">
        <v>93</v>
      </c>
      <c r="BY5" s="32" t="s">
        <v>94</v>
      </c>
      <c r="BZ5" s="32" t="s">
        <v>95</v>
      </c>
      <c r="CA5" s="32" t="s">
        <v>96</v>
      </c>
      <c r="CB5" s="32" t="s">
        <v>86</v>
      </c>
      <c r="CC5" s="32" t="s">
        <v>87</v>
      </c>
      <c r="CD5" s="32" t="s">
        <v>88</v>
      </c>
      <c r="CE5" s="32" t="s">
        <v>89</v>
      </c>
      <c r="CF5" s="32" t="s">
        <v>90</v>
      </c>
      <c r="CG5" s="32" t="s">
        <v>91</v>
      </c>
      <c r="CH5" s="32" t="s">
        <v>92</v>
      </c>
      <c r="CI5" s="32" t="s">
        <v>93</v>
      </c>
      <c r="CJ5" s="32" t="s">
        <v>94</v>
      </c>
      <c r="CK5" s="32" t="s">
        <v>95</v>
      </c>
      <c r="CL5" s="32" t="s">
        <v>96</v>
      </c>
      <c r="CM5" s="32" t="s">
        <v>86</v>
      </c>
      <c r="CN5" s="32" t="s">
        <v>87</v>
      </c>
      <c r="CO5" s="32" t="s">
        <v>88</v>
      </c>
      <c r="CP5" s="32" t="s">
        <v>89</v>
      </c>
      <c r="CQ5" s="32" t="s">
        <v>90</v>
      </c>
      <c r="CR5" s="32" t="s">
        <v>91</v>
      </c>
      <c r="CS5" s="32" t="s">
        <v>92</v>
      </c>
      <c r="CT5" s="32" t="s">
        <v>93</v>
      </c>
      <c r="CU5" s="32" t="s">
        <v>94</v>
      </c>
      <c r="CV5" s="32" t="s">
        <v>95</v>
      </c>
      <c r="CW5" s="32" t="s">
        <v>96</v>
      </c>
      <c r="CX5" s="32" t="s">
        <v>86</v>
      </c>
      <c r="CY5" s="32" t="s">
        <v>87</v>
      </c>
      <c r="CZ5" s="32" t="s">
        <v>88</v>
      </c>
      <c r="DA5" s="32" t="s">
        <v>89</v>
      </c>
      <c r="DB5" s="32" t="s">
        <v>90</v>
      </c>
      <c r="DC5" s="32" t="s">
        <v>91</v>
      </c>
      <c r="DD5" s="32" t="s">
        <v>92</v>
      </c>
      <c r="DE5" s="32" t="s">
        <v>93</v>
      </c>
      <c r="DF5" s="32" t="s">
        <v>94</v>
      </c>
      <c r="DG5" s="32" t="s">
        <v>95</v>
      </c>
      <c r="DH5" s="32" t="s">
        <v>96</v>
      </c>
      <c r="DI5" s="32" t="s">
        <v>86</v>
      </c>
      <c r="DJ5" s="32" t="s">
        <v>87</v>
      </c>
      <c r="DK5" s="32" t="s">
        <v>88</v>
      </c>
      <c r="DL5" s="32" t="s">
        <v>89</v>
      </c>
      <c r="DM5" s="32" t="s">
        <v>90</v>
      </c>
      <c r="DN5" s="32" t="s">
        <v>91</v>
      </c>
      <c r="DO5" s="32" t="s">
        <v>92</v>
      </c>
      <c r="DP5" s="32" t="s">
        <v>93</v>
      </c>
      <c r="DQ5" s="32" t="s">
        <v>94</v>
      </c>
      <c r="DR5" s="32" t="s">
        <v>95</v>
      </c>
      <c r="DS5" s="32" t="s">
        <v>96</v>
      </c>
      <c r="DT5" s="32" t="s">
        <v>86</v>
      </c>
      <c r="DU5" s="32" t="s">
        <v>87</v>
      </c>
      <c r="DV5" s="32" t="s">
        <v>88</v>
      </c>
      <c r="DW5" s="32" t="s">
        <v>89</v>
      </c>
      <c r="DX5" s="32" t="s">
        <v>90</v>
      </c>
      <c r="DY5" s="32" t="s">
        <v>91</v>
      </c>
      <c r="DZ5" s="32" t="s">
        <v>92</v>
      </c>
      <c r="EA5" s="32" t="s">
        <v>93</v>
      </c>
      <c r="EB5" s="32" t="s">
        <v>94</v>
      </c>
      <c r="EC5" s="32" t="s">
        <v>95</v>
      </c>
      <c r="ED5" s="32" t="s">
        <v>96</v>
      </c>
      <c r="EE5" s="32" t="s">
        <v>86</v>
      </c>
      <c r="EF5" s="32" t="s">
        <v>87</v>
      </c>
      <c r="EG5" s="32" t="s">
        <v>88</v>
      </c>
      <c r="EH5" s="32" t="s">
        <v>89</v>
      </c>
      <c r="EI5" s="32" t="s">
        <v>90</v>
      </c>
      <c r="EJ5" s="32" t="s">
        <v>91</v>
      </c>
      <c r="EK5" s="32" t="s">
        <v>92</v>
      </c>
      <c r="EL5" s="32" t="s">
        <v>93</v>
      </c>
      <c r="EM5" s="32" t="s">
        <v>94</v>
      </c>
      <c r="EN5" s="32" t="s">
        <v>95</v>
      </c>
      <c r="EO5" s="32" t="s">
        <v>96</v>
      </c>
    </row>
    <row r="6" spans="1:145" s="36" customFormat="1" x14ac:dyDescent="0.2">
      <c r="A6" s="28" t="s">
        <v>97</v>
      </c>
      <c r="B6" s="33">
        <f>B7</f>
        <v>2019</v>
      </c>
      <c r="C6" s="33">
        <f t="shared" ref="C6:X6" si="3">C7</f>
        <v>142123</v>
      </c>
      <c r="D6" s="33">
        <f t="shared" si="3"/>
        <v>47</v>
      </c>
      <c r="E6" s="33">
        <f t="shared" si="3"/>
        <v>17</v>
      </c>
      <c r="F6" s="33">
        <f t="shared" si="3"/>
        <v>1</v>
      </c>
      <c r="G6" s="33">
        <f t="shared" si="3"/>
        <v>0</v>
      </c>
      <c r="H6" s="33" t="str">
        <f t="shared" si="3"/>
        <v>神奈川県　厚木市</v>
      </c>
      <c r="I6" s="33" t="str">
        <f t="shared" si="3"/>
        <v>法非適用</v>
      </c>
      <c r="J6" s="33" t="str">
        <f t="shared" si="3"/>
        <v>下水道事業</v>
      </c>
      <c r="K6" s="33" t="str">
        <f t="shared" si="3"/>
        <v>公共下水道</v>
      </c>
      <c r="L6" s="33" t="str">
        <f t="shared" si="3"/>
        <v>Ac1</v>
      </c>
      <c r="M6" s="33" t="str">
        <f t="shared" si="3"/>
        <v>非設置</v>
      </c>
      <c r="N6" s="34" t="str">
        <f t="shared" si="3"/>
        <v>-</v>
      </c>
      <c r="O6" s="34" t="str">
        <f t="shared" si="3"/>
        <v>該当数値なし</v>
      </c>
      <c r="P6" s="34">
        <f t="shared" si="3"/>
        <v>89.42</v>
      </c>
      <c r="Q6" s="34">
        <f t="shared" si="3"/>
        <v>87.3</v>
      </c>
      <c r="R6" s="34">
        <f t="shared" si="3"/>
        <v>1974</v>
      </c>
      <c r="S6" s="34">
        <f t="shared" si="3"/>
        <v>224378</v>
      </c>
      <c r="T6" s="34">
        <f t="shared" si="3"/>
        <v>93.84</v>
      </c>
      <c r="U6" s="34">
        <f t="shared" si="3"/>
        <v>2391.0700000000002</v>
      </c>
      <c r="V6" s="34">
        <f t="shared" si="3"/>
        <v>200290</v>
      </c>
      <c r="W6" s="34">
        <f t="shared" si="3"/>
        <v>33.270000000000003</v>
      </c>
      <c r="X6" s="34">
        <f t="shared" si="3"/>
        <v>6020.14</v>
      </c>
      <c r="Y6" s="35">
        <f>IF(Y7="",NA(),Y7)</f>
        <v>79.89</v>
      </c>
      <c r="Z6" s="35">
        <f t="shared" ref="Z6:AH6" si="4">IF(Z7="",NA(),Z7)</f>
        <v>82.32</v>
      </c>
      <c r="AA6" s="35">
        <f t="shared" si="4"/>
        <v>80.180000000000007</v>
      </c>
      <c r="AB6" s="35">
        <f t="shared" si="4"/>
        <v>88.68</v>
      </c>
      <c r="AC6" s="35">
        <f t="shared" si="4"/>
        <v>88.2</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443.32</v>
      </c>
      <c r="BG6" s="35">
        <f t="shared" ref="BG6:BO6" si="7">IF(BG7="",NA(),BG7)</f>
        <v>393.39</v>
      </c>
      <c r="BH6" s="35">
        <f t="shared" si="7"/>
        <v>342.85</v>
      </c>
      <c r="BI6" s="35">
        <f t="shared" si="7"/>
        <v>317.20999999999998</v>
      </c>
      <c r="BJ6" s="35">
        <f t="shared" si="7"/>
        <v>336.75</v>
      </c>
      <c r="BK6" s="35">
        <f t="shared" si="7"/>
        <v>845.86</v>
      </c>
      <c r="BL6" s="35">
        <f t="shared" si="7"/>
        <v>802.49</v>
      </c>
      <c r="BM6" s="35">
        <f t="shared" si="7"/>
        <v>805.14</v>
      </c>
      <c r="BN6" s="35">
        <f t="shared" si="7"/>
        <v>730.93</v>
      </c>
      <c r="BO6" s="35">
        <f t="shared" si="7"/>
        <v>708.89</v>
      </c>
      <c r="BP6" s="34" t="str">
        <f>IF(BP7="","",IF(BP7="-","【-】","【"&amp;SUBSTITUTE(TEXT(BP7,"#,##0.00"),"-","△")&amp;"】"))</f>
        <v>【682.51】</v>
      </c>
      <c r="BQ6" s="35">
        <f>IF(BQ7="",NA(),BQ7)</f>
        <v>87.5</v>
      </c>
      <c r="BR6" s="35">
        <f t="shared" ref="BR6:BZ6" si="8">IF(BR7="",NA(),BR7)</f>
        <v>90.42</v>
      </c>
      <c r="BS6" s="35">
        <f t="shared" si="8"/>
        <v>88.9</v>
      </c>
      <c r="BT6" s="35">
        <f t="shared" si="8"/>
        <v>104.01</v>
      </c>
      <c r="BU6" s="35">
        <f t="shared" si="8"/>
        <v>109.77</v>
      </c>
      <c r="BV6" s="35">
        <f t="shared" si="8"/>
        <v>101.88</v>
      </c>
      <c r="BW6" s="35">
        <f t="shared" si="8"/>
        <v>103.18</v>
      </c>
      <c r="BX6" s="35">
        <f t="shared" si="8"/>
        <v>100.22</v>
      </c>
      <c r="BY6" s="35">
        <f t="shared" si="8"/>
        <v>98.09</v>
      </c>
      <c r="BZ6" s="35">
        <f t="shared" si="8"/>
        <v>97.91</v>
      </c>
      <c r="CA6" s="34" t="str">
        <f>IF(CA7="","",IF(CA7="-","【-】","【"&amp;SUBSTITUTE(TEXT(CA7,"#,##0.00"),"-","△")&amp;"】"))</f>
        <v>【100.34】</v>
      </c>
      <c r="CB6" s="35">
        <f>IF(CB7="",NA(),CB7)</f>
        <v>137.4</v>
      </c>
      <c r="CC6" s="35">
        <f t="shared" ref="CC6:CK6" si="9">IF(CC7="",NA(),CC7)</f>
        <v>133.21</v>
      </c>
      <c r="CD6" s="35">
        <f t="shared" si="9"/>
        <v>134.93</v>
      </c>
      <c r="CE6" s="35">
        <f t="shared" si="9"/>
        <v>115.59</v>
      </c>
      <c r="CF6" s="35">
        <f t="shared" si="9"/>
        <v>93.49</v>
      </c>
      <c r="CG6" s="35">
        <f t="shared" si="9"/>
        <v>143.15</v>
      </c>
      <c r="CH6" s="35">
        <f t="shared" si="9"/>
        <v>141.11000000000001</v>
      </c>
      <c r="CI6" s="35">
        <f t="shared" si="9"/>
        <v>144.79</v>
      </c>
      <c r="CJ6" s="35">
        <f t="shared" si="9"/>
        <v>146.08000000000001</v>
      </c>
      <c r="CK6" s="35">
        <f t="shared" si="9"/>
        <v>144.11000000000001</v>
      </c>
      <c r="CL6" s="34" t="str">
        <f>IF(CL7="","",IF(CL7="-","【-】","【"&amp;SUBSTITUTE(TEXT(CL7,"#,##0.00"),"-","△")&amp;"】"))</f>
        <v>【136.15】</v>
      </c>
      <c r="CM6" s="35" t="str">
        <f>IF(CM7="",NA(),CM7)</f>
        <v>-</v>
      </c>
      <c r="CN6" s="35" t="str">
        <f t="shared" ref="CN6:CV6" si="10">IF(CN7="",NA(),CN7)</f>
        <v>-</v>
      </c>
      <c r="CO6" s="35" t="str">
        <f t="shared" si="10"/>
        <v>-</v>
      </c>
      <c r="CP6" s="35" t="str">
        <f t="shared" si="10"/>
        <v>-</v>
      </c>
      <c r="CQ6" s="35" t="str">
        <f t="shared" si="10"/>
        <v>-</v>
      </c>
      <c r="CR6" s="35">
        <f t="shared" si="10"/>
        <v>62.5</v>
      </c>
      <c r="CS6" s="35">
        <f t="shared" si="10"/>
        <v>63.26</v>
      </c>
      <c r="CT6" s="35">
        <f t="shared" si="10"/>
        <v>61.54</v>
      </c>
      <c r="CU6" s="35">
        <f t="shared" si="10"/>
        <v>61.93</v>
      </c>
      <c r="CV6" s="35">
        <f t="shared" si="10"/>
        <v>61.32</v>
      </c>
      <c r="CW6" s="34" t="str">
        <f>IF(CW7="","",IF(CW7="-","【-】","【"&amp;SUBSTITUTE(TEXT(CW7,"#,##0.00"),"-","△")&amp;"】"))</f>
        <v>【59.64】</v>
      </c>
      <c r="CX6" s="35">
        <f>IF(CX7="",NA(),CX7)</f>
        <v>99.08</v>
      </c>
      <c r="CY6" s="35">
        <f t="shared" ref="CY6:DG6" si="11">IF(CY7="",NA(),CY7)</f>
        <v>99.3</v>
      </c>
      <c r="CZ6" s="35">
        <f t="shared" si="11"/>
        <v>99.46</v>
      </c>
      <c r="DA6" s="35">
        <f t="shared" si="11"/>
        <v>99.49</v>
      </c>
      <c r="DB6" s="35">
        <f t="shared" si="11"/>
        <v>99.44</v>
      </c>
      <c r="DC6" s="35">
        <f t="shared" si="11"/>
        <v>93.88</v>
      </c>
      <c r="DD6" s="35">
        <f t="shared" si="11"/>
        <v>94.07</v>
      </c>
      <c r="DE6" s="35">
        <f t="shared" si="11"/>
        <v>94.13</v>
      </c>
      <c r="DF6" s="35">
        <f t="shared" si="11"/>
        <v>94.45</v>
      </c>
      <c r="DG6" s="35">
        <f t="shared" si="11"/>
        <v>94.58</v>
      </c>
      <c r="DH6" s="34" t="str">
        <f>IF(DH7="","",IF(DH7="-","【-】","【"&amp;SUBSTITUTE(TEXT(DH7,"#,##0.00"),"-","△")&amp;"】"))</f>
        <v>【95.35】</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5">
        <f>IF(EE7="",NA(),EE7)</f>
        <v>0.09</v>
      </c>
      <c r="EF6" s="35">
        <f t="shared" ref="EF6:EN6" si="14">IF(EF7="",NA(),EF7)</f>
        <v>0.06</v>
      </c>
      <c r="EG6" s="35">
        <f t="shared" si="14"/>
        <v>0.08</v>
      </c>
      <c r="EH6" s="35">
        <f t="shared" si="14"/>
        <v>0.08</v>
      </c>
      <c r="EI6" s="35">
        <f t="shared" si="14"/>
        <v>0.05</v>
      </c>
      <c r="EJ6" s="35">
        <f t="shared" si="14"/>
        <v>0.12</v>
      </c>
      <c r="EK6" s="35">
        <f t="shared" si="14"/>
        <v>0.13</v>
      </c>
      <c r="EL6" s="35">
        <f t="shared" si="14"/>
        <v>0.17</v>
      </c>
      <c r="EM6" s="35">
        <f t="shared" si="14"/>
        <v>0.21</v>
      </c>
      <c r="EN6" s="35">
        <f t="shared" si="14"/>
        <v>0.19</v>
      </c>
      <c r="EO6" s="34" t="str">
        <f>IF(EO7="","",IF(EO7="-","【-】","【"&amp;SUBSTITUTE(TEXT(EO7,"#,##0.00"),"-","△")&amp;"】"))</f>
        <v>【0.22】</v>
      </c>
    </row>
    <row r="7" spans="1:145" s="36" customFormat="1" x14ac:dyDescent="0.2">
      <c r="A7" s="28"/>
      <c r="B7" s="37">
        <v>2019</v>
      </c>
      <c r="C7" s="37">
        <v>142123</v>
      </c>
      <c r="D7" s="37">
        <v>47</v>
      </c>
      <c r="E7" s="37">
        <v>17</v>
      </c>
      <c r="F7" s="37">
        <v>1</v>
      </c>
      <c r="G7" s="37">
        <v>0</v>
      </c>
      <c r="H7" s="37" t="s">
        <v>98</v>
      </c>
      <c r="I7" s="37" t="s">
        <v>99</v>
      </c>
      <c r="J7" s="37" t="s">
        <v>100</v>
      </c>
      <c r="K7" s="37" t="s">
        <v>101</v>
      </c>
      <c r="L7" s="37" t="s">
        <v>102</v>
      </c>
      <c r="M7" s="37" t="s">
        <v>103</v>
      </c>
      <c r="N7" s="38" t="s">
        <v>104</v>
      </c>
      <c r="O7" s="38" t="s">
        <v>105</v>
      </c>
      <c r="P7" s="38">
        <v>89.42</v>
      </c>
      <c r="Q7" s="38">
        <v>87.3</v>
      </c>
      <c r="R7" s="38">
        <v>1974</v>
      </c>
      <c r="S7" s="38">
        <v>224378</v>
      </c>
      <c r="T7" s="38">
        <v>93.84</v>
      </c>
      <c r="U7" s="38">
        <v>2391.0700000000002</v>
      </c>
      <c r="V7" s="38">
        <v>200290</v>
      </c>
      <c r="W7" s="38">
        <v>33.270000000000003</v>
      </c>
      <c r="X7" s="38">
        <v>6020.14</v>
      </c>
      <c r="Y7" s="38">
        <v>79.89</v>
      </c>
      <c r="Z7" s="38">
        <v>82.32</v>
      </c>
      <c r="AA7" s="38">
        <v>80.180000000000007</v>
      </c>
      <c r="AB7" s="38">
        <v>88.68</v>
      </c>
      <c r="AC7" s="38">
        <v>88.2</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443.32</v>
      </c>
      <c r="BG7" s="38">
        <v>393.39</v>
      </c>
      <c r="BH7" s="38">
        <v>342.85</v>
      </c>
      <c r="BI7" s="38">
        <v>317.20999999999998</v>
      </c>
      <c r="BJ7" s="38">
        <v>336.75</v>
      </c>
      <c r="BK7" s="38">
        <v>845.86</v>
      </c>
      <c r="BL7" s="38">
        <v>802.49</v>
      </c>
      <c r="BM7" s="38">
        <v>805.14</v>
      </c>
      <c r="BN7" s="38">
        <v>730.93</v>
      </c>
      <c r="BO7" s="38">
        <v>708.89</v>
      </c>
      <c r="BP7" s="38">
        <v>682.51</v>
      </c>
      <c r="BQ7" s="38">
        <v>87.5</v>
      </c>
      <c r="BR7" s="38">
        <v>90.42</v>
      </c>
      <c r="BS7" s="38">
        <v>88.9</v>
      </c>
      <c r="BT7" s="38">
        <v>104.01</v>
      </c>
      <c r="BU7" s="38">
        <v>109.77</v>
      </c>
      <c r="BV7" s="38">
        <v>101.88</v>
      </c>
      <c r="BW7" s="38">
        <v>103.18</v>
      </c>
      <c r="BX7" s="38">
        <v>100.22</v>
      </c>
      <c r="BY7" s="38">
        <v>98.09</v>
      </c>
      <c r="BZ7" s="38">
        <v>97.91</v>
      </c>
      <c r="CA7" s="38">
        <v>100.34</v>
      </c>
      <c r="CB7" s="38">
        <v>137.4</v>
      </c>
      <c r="CC7" s="38">
        <v>133.21</v>
      </c>
      <c r="CD7" s="38">
        <v>134.93</v>
      </c>
      <c r="CE7" s="38">
        <v>115.59</v>
      </c>
      <c r="CF7" s="38">
        <v>93.49</v>
      </c>
      <c r="CG7" s="38">
        <v>143.15</v>
      </c>
      <c r="CH7" s="38">
        <v>141.11000000000001</v>
      </c>
      <c r="CI7" s="38">
        <v>144.79</v>
      </c>
      <c r="CJ7" s="38">
        <v>146.08000000000001</v>
      </c>
      <c r="CK7" s="38">
        <v>144.11000000000001</v>
      </c>
      <c r="CL7" s="38">
        <v>136.15</v>
      </c>
      <c r="CM7" s="38" t="s">
        <v>104</v>
      </c>
      <c r="CN7" s="38" t="s">
        <v>104</v>
      </c>
      <c r="CO7" s="38" t="s">
        <v>104</v>
      </c>
      <c r="CP7" s="38" t="s">
        <v>104</v>
      </c>
      <c r="CQ7" s="38" t="s">
        <v>104</v>
      </c>
      <c r="CR7" s="38">
        <v>62.5</v>
      </c>
      <c r="CS7" s="38">
        <v>63.26</v>
      </c>
      <c r="CT7" s="38">
        <v>61.54</v>
      </c>
      <c r="CU7" s="38">
        <v>61.93</v>
      </c>
      <c r="CV7" s="38">
        <v>61.32</v>
      </c>
      <c r="CW7" s="38">
        <v>59.64</v>
      </c>
      <c r="CX7" s="38">
        <v>99.08</v>
      </c>
      <c r="CY7" s="38">
        <v>99.3</v>
      </c>
      <c r="CZ7" s="38">
        <v>99.46</v>
      </c>
      <c r="DA7" s="38">
        <v>99.49</v>
      </c>
      <c r="DB7" s="38">
        <v>99.44</v>
      </c>
      <c r="DC7" s="38">
        <v>93.88</v>
      </c>
      <c r="DD7" s="38">
        <v>94.07</v>
      </c>
      <c r="DE7" s="38">
        <v>94.13</v>
      </c>
      <c r="DF7" s="38">
        <v>94.45</v>
      </c>
      <c r="DG7" s="38">
        <v>94.58</v>
      </c>
      <c r="DH7" s="38">
        <v>95.35</v>
      </c>
      <c r="DI7" s="38"/>
      <c r="DJ7" s="38"/>
      <c r="DK7" s="38"/>
      <c r="DL7" s="38"/>
      <c r="DM7" s="38"/>
      <c r="DN7" s="38"/>
      <c r="DO7" s="38"/>
      <c r="DP7" s="38"/>
      <c r="DQ7" s="38"/>
      <c r="DR7" s="38"/>
      <c r="DS7" s="38"/>
      <c r="DT7" s="38"/>
      <c r="DU7" s="38"/>
      <c r="DV7" s="38"/>
      <c r="DW7" s="38"/>
      <c r="DX7" s="38"/>
      <c r="DY7" s="38"/>
      <c r="DZ7" s="38"/>
      <c r="EA7" s="38"/>
      <c r="EB7" s="38"/>
      <c r="EC7" s="38"/>
      <c r="ED7" s="38"/>
      <c r="EE7" s="38">
        <v>0.09</v>
      </c>
      <c r="EF7" s="38">
        <v>0.06</v>
      </c>
      <c r="EG7" s="38">
        <v>0.08</v>
      </c>
      <c r="EH7" s="38">
        <v>0.08</v>
      </c>
      <c r="EI7" s="38">
        <v>0.05</v>
      </c>
      <c r="EJ7" s="38">
        <v>0.12</v>
      </c>
      <c r="EK7" s="38">
        <v>0.13</v>
      </c>
      <c r="EL7" s="38">
        <v>0.17</v>
      </c>
      <c r="EM7" s="38">
        <v>0.21</v>
      </c>
      <c r="EN7" s="38">
        <v>0.19</v>
      </c>
      <c r="EO7" s="38">
        <v>0.22</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6</v>
      </c>
      <c r="C9" s="40" t="s">
        <v>107</v>
      </c>
      <c r="D9" s="40" t="s">
        <v>108</v>
      </c>
      <c r="E9" s="40" t="s">
        <v>109</v>
      </c>
      <c r="F9" s="40" t="s">
        <v>110</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8</v>
      </c>
      <c r="B10" s="41">
        <f t="shared" ref="B10:E10" si="15">DATEVALUE($B7+12-B11&amp;"/1/"&amp;B12)</f>
        <v>46388</v>
      </c>
      <c r="C10" s="41">
        <f t="shared" si="15"/>
        <v>46753</v>
      </c>
      <c r="D10" s="41">
        <f t="shared" si="15"/>
        <v>47119</v>
      </c>
      <c r="E10" s="41">
        <f t="shared" si="15"/>
        <v>47484</v>
      </c>
      <c r="F10" s="42">
        <f>DATEVALUE($B7+12-F11&amp;"/1/"&amp;F12)</f>
        <v>47849</v>
      </c>
    </row>
    <row r="11" spans="1:145" x14ac:dyDescent="0.2">
      <c r="B11">
        <v>4</v>
      </c>
      <c r="C11">
        <v>3</v>
      </c>
      <c r="D11">
        <v>2</v>
      </c>
      <c r="E11">
        <v>1</v>
      </c>
      <c r="F11">
        <v>0</v>
      </c>
      <c r="G11" t="s">
        <v>111</v>
      </c>
    </row>
    <row r="12" spans="1:145" x14ac:dyDescent="0.2">
      <c r="B12">
        <v>1</v>
      </c>
      <c r="C12">
        <v>1</v>
      </c>
      <c r="D12">
        <v>1</v>
      </c>
      <c r="E12">
        <v>1</v>
      </c>
      <c r="F12">
        <v>1</v>
      </c>
      <c r="G12" t="s">
        <v>112</v>
      </c>
    </row>
    <row r="13" spans="1:145" x14ac:dyDescent="0.2">
      <c r="B13" t="s">
        <v>113</v>
      </c>
      <c r="C13" t="s">
        <v>114</v>
      </c>
      <c r="D13" t="s">
        <v>114</v>
      </c>
      <c r="E13" t="s">
        <v>115</v>
      </c>
      <c r="F13" t="s">
        <v>116</v>
      </c>
      <c r="G13" t="s">
        <v>117</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54:35Z</cp:lastPrinted>
  <dcterms:created xsi:type="dcterms:W3CDTF">2020-12-04T02:45:35Z</dcterms:created>
  <dcterms:modified xsi:type="dcterms:W3CDTF">2021-02-24T07:54:39Z</dcterms:modified>
  <cp:category/>
</cp:coreProperties>
</file>